
<file path=[Content_Types].xml><?xml version="1.0" encoding="utf-8"?>
<Types xmlns="http://schemas.openxmlformats.org/package/2006/content-types">
  <Default Extension="xml" ContentType="application/xml"/>
  <Default Extension="png" ContentType="image/png"/>
  <Default Extension="jpeg" ContentType="image/jpeg"/>
  <Default Extension="rels" ContentType="application/vnd.openxmlformats-package.relationships+xml"/>
  <Override PartName="/customXml/itemProps1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4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1" Type="http://schemas.openxmlformats.org/officeDocument/2006/relationships/extended-properties" Target="docProps/app.xml"/><Relationship Id="rId3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0="urn:schemas-microsoft-com:office:word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body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t>红色：</w:t>
      </w: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begin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instrText xml:space="preserve">INCLUDEPICTURE \d "C:\\Users\\Think\\AppData\\Local\\Temp\\enhtmlclip\\7QZY0XGBAHV%O}ACZLQH6HR.png" \* MERGEFORMATINET </w:instrText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separate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drawing>
          <wp:inline distT="0" distB="0" distL="114300" distR="114300">
            <wp:extent cx="3105150" cy="2619375"/>
            <wp:effectExtent l="0" t="0" r="0" b="9525"/>
            <wp:docPr id="37" name="图片 1" descr="IMG_25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7" name="图片 1" descr="IMG_256"/>
                    <pic:cNvPicPr>
                      <a:picLocks noChangeAspect="1"/>
                    </pic:cNvPicPr>
                  </pic:nvPicPr>
                  <pic:blipFill>
                    <a:blip r:embed="rId4"/>
                    <a:stretch>
                      <a:fillRect/>
                    </a:stretch>
                  </pic:blipFill>
                  <pic:spPr>
                    <a:xfrm>
                      <a:off x="0" y="0"/>
                      <a:ext cx="3105150" cy="2619375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begin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instrText xml:space="preserve">INCLUDEPICTURE \d "C:\\Users\\Think\\AppData\\Local\\Temp\\enhtmlclip\\QQ图片20180802184706.png" \* MERGEFORMATINET </w:instrText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separate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drawing>
          <wp:inline distT="0" distB="0" distL="114300" distR="114300">
            <wp:extent cx="3971925" cy="523875"/>
            <wp:effectExtent l="0" t="0" r="9525" b="9525"/>
            <wp:docPr id="36" name="图片 3" descr="IMG_25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6" name="图片 3" descr="IMG_258"/>
                    <pic:cNvPicPr>
                      <a:picLocks noChangeAspect="1"/>
                    </pic:cNvPicPr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3971925" cy="523875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end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begin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instrText xml:space="preserve">INCLUDEPICTURE \d "C:\\Users\\Think\\Documents\\data:image\\png;base64,iVBORw0KGgoAAAANSUhEUgAAAaEAAAA3CAMAAACSPgUaAAAAAXNSR0IArs4c6QAAAHhQTFRF\\wAA4+nnfoWF+0hGmxYWjRUVMy8x4+\\tLjAy+\\v7NDY4dnx882pq3ennhY2L\\xwO+AAA\\w0F\\TAj4gQE7gIC\\EUz+1dBxQ0N1AkJciMjrhMS+mRMWCkp+XZZ\\9ED+I5q\\zcA\\2ED\\4sA\\6UC82pop7Cu+j83+o1D+x\\XuAAAB5BJREFUeNrtmgt74rgOhn32ONnZPTvre3xJQgKc4f\\\\xP1k6G2KIUAozD7RdGgJku3olWQ5LfvjTf66Uv4P+WuROeUdFfb+50WeRRZCDxI1IyGlFn\\OD2gt5iM0bsSvGX3PLGK7GWcjtF5NQqRG9XWExvWjOCkxy8zjajUx8M8TUpvVaiumRMX4dX4aN3MmthKXzDzLba5XUxGdJyS20wYbVxv1ZbGJsNnMl0VqnIvQ5EJChKaF9HlCyMdJiLarW5JIbS9z+bhaP+N+JCZmGG53tZ6ryq0zoe05h4jjMaE1fYmm2SnRCqadcE3TfB5r3K7zyhsB5Ta\\wkQ1TGntWrpwxBW6wfWG1LMKJlJONUq5ximGy66wZtEooRUtRGtBb2hVB2X1OZn3H2Iy3IuDpW7a1tHLjlapGU2uX25jK6bVgMnF8iyhvA1t1mezd709GhOuUbi9vm16p4dGtb3ucT9HCO2Nd0PDoDE4lk3EAJ\\rHd5\\GptmG6CkBoLTko1u1a5lg3B902u6rguL1tBtBIwbjX+DBoEeKzvcx8+5rBoaD+ptLxxZatf3btfT+D0+AsDhJYIQzutpyTbfiVWsJ+B5c\\EnQkPbN3pQQLUbBjHsCRVDq+8HlQmJbKIzITA7ooo1kYuJhMuEtGh0q9mgG8eEyIRYiVDfECHwdY6+ad02BydvVuOnjENGI0sxn8btUAWgbCJCokdZUFi2eldwZm6YzufQbd2l63HzB0I9ArXVSKaS58h1ww4aTftKSDTHCdHSdlTmBq21apuWDPpWHQiBnNOlQMUMQyv6HZXgvsekAqWrdXsfbz6FO0gLlFqAwCss94RQ6EQmJN4I5YLz1YRu6ZAEbQnMocpRESG\\OBB6DdfP0jixoyzrW4b\\\\Y4SgZxwnBAjRTE0sKKC48jzLFe5tncwLe5Duke5zVUOPkad7Int4ApPUFDlKEExKBU00bcvOYTxaZXvCAm0mJcCOvfI5o6ERnR3WzQAArfgnMYWy5zQiEbnisGN1WLXJgW1gwk2adIVhaTLnzpSRyALh64Cyk4p7XZIKNes18fdJSgpMAGZw4Q6jGxS8iGWcpgsWzKWp4PQK61Nv55M1hcf084dvu9LaNpZ916H2u2Xzy6uqHDizCJvIDSO56Z+JCAQmn3TvuogPo6jOP0MVRUdrG4ipNbj+XP\\I5+5qnF8\\KFWrLfnmgd1ev337BQ2T\\ZQ\\FGMNjf1d\\f8Dd64AHo9UqqnJLTIu4PHQuhfKwuhX5TQfxd5FikQ+s8izyIFQr8v8iyyEPpFCf22yLNIgdCfizyLFAh9W+RZ5CJC1fXS1ZCuWuSExNsJyevPXSHWf3Z+OX+eEkM+rhHLDyEERHEBlEWSlAnxVHVdfQGhuouv6rdFiFngHAgZE7wPxsojhL51RvrqAkJ1FUI3C6FF3hhZE0LiVax48uEV1J7Qt5jiJTnU8SCrhdA9KAFTqmIHIVJIqQOher8R1QdM56scOrD6ekLW0hczwTIZ8NZISvAT2xV0gg9yb4K30uC99\\boXQYj83j0YqAJbZolz+bpUsE7ISvCEOuxAati5vgMe3VD65EBryjV8KwnS5oyX9wPdGXBw2BVrLN03YdNvzN7v0\\rFOprCUmfWEqSI06Cr4NM0ccYq2LLYbpAPQW6vkQmNjKbfLY+ph27mGyH8UzVxS6kxDy3HfMITEPXU2Ge0IXADS3EJ8M7mRJW1ZUWlVcvDQblkkfrU6If6T7yjWHy2FXhlnyygUdq4T40cfVFhA45d0Uv56vAk+kseaGrLHxSYY8sqvMYWYBOktHIBC+CUMAgx10H6t7GgAKBeh594JYH24EpQ1DjeimwQ1d5jO2hkRDCgcPrJhW1UeiT8VzaCJzJgzsCxnPKwGgt7Ew1Q9UL6afzUKwv6bbryLvrCMUq8hDxA\\nCR8ReVaViCsWqMwEmyUYJkzOEEufe0HgWYUzOStwSoUBVHsfjUmCHilecDDkNgS3bGnw3RUJUqZGgEtHGMdueEMwD1sew0c9B6K1TuPLEmntu+dqKfOoUi4QSssdGlCoQSpFzZEjeZo5KwmGANHglI+nbzqfKlAhZKFIqIJh58BF60UuLooWcQG6V96FQocTtDX1Ehlcoxj6WeBosnWO78Ak55BFke0K4D2PoxuxzEMpCmyQF3bsO8exBFRXHo8FHzJpkquANwpeXdnBEP5yNOPWIXJgwAEPIhlTYIJBDFkOjBkHVM8yAQN+boqByX5jHJAnH0kJQH9Greonk4La4l0JT2oRVYYFIJsmwMpok3xje2jTjM4WfHilcRihSY5j85ATK+cboAG2pz0KxkJYSsLgP0cAWBzpzMEEbRT\\KgvMsfWpIHYY0E9kbynFqH42xJxa1X4ikKbOxsaeOLy9LIW2b1ynz+KfXdxWhWN3w1Ac7ipWSLXLP53K04dcTT6xo0D+m3ALn\\oSo5UYeddMI4ZRRdQuhryUERHX37rnPSULYSD8UxcWJX0Hogl6OfuP2ocrxRe4p1e3ddv2tXuR+MsNvwRd5nr9T+N8izyLLXzQuf3O6yH0JfV\\kMTKN0PfvP378vcgj5MePF0jvqPwDk3y05XMfi5MAAAAASUVORK5CYII=" \* MERGEFORMATINET </w:instrText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separate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34" name="图片 4" descr="IMG_25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4" name="图片 4" descr="IMG_259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begin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instrText xml:space="preserve">INCLUDEPICTURE \d "C:\\Users\\Think\\AppData\\Local\\Temp\\enhtmlclip\\QQ图片20180802184721.png" \* MERGEFORMATINET </w:instrText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separate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drawing>
          <wp:inline distT="0" distB="0" distL="114300" distR="114300">
            <wp:extent cx="6324600" cy="885825"/>
            <wp:effectExtent l="0" t="0" r="0" b="9525"/>
            <wp:docPr id="32" name="图片 5" descr="IMG_2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2" name="图片 5" descr="IMG_260"/>
                    <pic:cNvPicPr>
                      <a:picLocks noChangeAspect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6324600" cy="885825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end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begin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instrText xml:space="preserve">INCLUDEPICTURE \d "C:\\Users\\Think\\Documents\\data:image\\png;base64,iVBORw0KGgoAAAANSUhEUgAAApgAAABdCAMAAAA2VebVAAAAAXNSR0IArs4c6QAAAsFQTFRF\\\\\\\\+\\\\\\7Ovu\\\\3\\\\\\\\9\\\\\\7r6+v\\f\\\\\\f39+\\v79QIC8wAGzMPE\\\\398gIB7gEGxgID3AEA1gICm42L6wMB+fz9qAMDuAEB4wEBpQQHsQICpAQDcSclvQMC7ggFyQMGywEA+fr5bFRR\\9bTrAIC+AEG\\f\\9kw0O1QUGb1RS4A8Q0AQGzsTGcCko+\\Lv5gUJ2UA\\2T9E5gMBoAYJ9\\v+9fX07wMC\\9LX3wMAoAQD4gcG3A8R\\vLw+Pj3mwMCwgMDlQMDlgwK+\\ftqwUIzwIBxQsN9\\36hQQE\\9PTjgMDsQQHtwQGvgsO6wIFnY2N\\u\\3+\\z+\\PH0\\+7w6Ovpn46O7evpmg0Qx8jGegUFqA0P4Q4J2gUHtA0NjhAS2hAI\\uTn\\ODbko+OzA4P\\\\b0\\vv00w8MoSAjqRUZmwoGnAYK\\e7q\\fb7jx8htBMY0BQb6QsO9q+tXllY6gkDwhQZvDI1sh4h9Kio0kM+3p+cpSsp\\e3j8tDMjywscg4Pjzo68fHwgRkZ+f\\\\8KOf14mK45WU\\\\371EJHjg0K4aWlaQoKb1JQzU1PaVhXhQ0PnRUZnT0\\v1hYqzw+393fxMHA4q6r9f3z1ZSS\\tfYwmtqwCEl3gUH\\dPM6ImKw3V06769tiwq8piaERER0NDP\\\\r+0W5q\\f3\\9AgM1F9hziYo+8jHs0lLqlVVwoaD+re0WFJSciEh3IF\\\\vz65XV24wsW8X98egwPojA1aSwpv2Fi79jcHx8f8sPGuj9An0ZGeiQm6Wxq+omJ7LayQEBA+sG80DQ46eXl8vf6r3h39JWPwklNxp6bl4yLbCcjzH5\\611drl9f1HR3s2ppaVFPcG5vvLi4o0xOTU1OpqOk3T4+Y2Fh30hO1b\\Af3x7Ly8v7Dg4mVdU8fHpZzo53h0ifC4v29bWmJeXhEdEODg4WQwMrouLwKmrr1f2\\wAAIABJREFUeNrtvYlfk9fWNiza1kQq00FkOAypKByp0BKDTBFIDCiEIviIBoJBIGEeJECZBAQUPJRJBplBRJBJAZGigIgMoi0KdarWqWq1p3\\Ft9a+AxK1SHuU53l\\Xy4h97D3Gve11953grBsmQIKKKCAAgoooIACCiiggAIKKKCAAgoooIACCiiggAIKKKCAAgoooIACCiiggAIKKKCAAgoooIACCiiggAIKKKCAAgoooIACCiiggAIKKKCAAgoooIACCiigwEcDTQEFFoSCmAr8\\5uYK05tUFq5YsWKTz759NPVq+V8ODyHudM3G6hbr1vIueyku7v7HYHJyR4+Sd08OdfaDeJKsydv959F97zG15JzDp0keKd1bJTzt7v78J\\gtQXsRKMpKZGgqIaTlNdo5U+llZSIiVmRwwsBFVNW3tWRiNPer+Xv4h1jJHdFXjGlSiuXipcnac7OO8PDT+5kczj2Xp4IDw9y8DT38rK3tzc3N2cRmCM8Pb28PPHkqX0Y5+nuwEBzVneYZyDnaaB5+mZGetlTTuBTxuaJiV1lYRzO0zK2ZziLBQo9UCc5eJnbv4YXKKOaPVks+H4aaG\\Pcl4+Ee4Vlszx8vBipbPAuBc6AM7Mhzmq9TIPtPcK201npTsHJYfZczjm5mFhYV4e8+DpMRsN2AcxUAM+gG\\pbPrO5RMnIRwvkCGuzHPMHu5RwZrjiXlyMit9YmICcgSO2c+pplw3R61e9iQ\\5hyWuT3Rac4GgZMe4eHQBGGSpM23YD\\\\0jwsGRQnm4sCWZsn0sPDUJn9XKzmmHtP8g++7L1klsjXh4GnHObusWRXOA7mgR5eHjs3H6LTVqyg0ZetJPiYxNzp7OwcDgji+G\\fsmU7gHqdh3VzOL4FgXe2HIcX\\+rjLxpfvLiQsm7dwIXxF+QsJeUF3Bu\\UF2d0tjYeOHCBUpmFm+o3gJKyX3s5e+fMpDSuOfFseNb1lVXgx\\Hj8MZtEOnN+S2H0eBauzlf+HCscY9KdWtpFd1tZw1+VMSHBz8wUlwTpQC\\VtbUcu67W94BvcoCWgDB6pTjh07BuG1Qvd1czpJaMflZMEHlDpe7Y8SjcdABFS8H+BE9boU\\wuQuwuzWZrN2HH5FJJmajy2fzSsmw0GM7EOYoRTkQdrFxR0ICZtCYh5sqysbOfJicB1mdMtD77+aj5+Rsy7\\voI4GvEt19\\\\eDrI3lFQ9cv7B73r5spKpqp2z0+vi67qK098cL4bv+62v72jpTdF0R1M9e+JcLfIigdX8\\hZ7wNdsjhq8Gi9vJ1u5+KRqav5ZFe8PIzfH39NihPHnz79YMjRU9+Gd81vq6hCISw77dymDNNeYFyedeKnoDfT8NiWq7l5T14gI15871CUF1nT64VdVxYPi5qnQKBI0eINvKF33MBUQIyb\\OKbpZeGB\\3T+zPy6Os\\\\zzWyHMO4V0Xiu6c130dNx\\pCnvyFfz4nzTtQ+Pr94AGfbXQw9uQK6PtNSM+pfRqe3eEhFzDW2Xf2ZeZVTURp\\52Pga585F48HOzm7uhp1dVHxhnQfDvDqruF5Su8UzKKwzrzJ4qBRW2OM1g5K+Ea9AL\\\\suIB9+1DZvn1isXjfPrv5AHNwdx9p3eezMSq+ODc5KMi\\ZlAagM3nNtqdi7bbGH0OzNm9gSiQtrPb52snLWgXnXTmjLZURtmdA2wkhtAUAUSxbxYYkN0+cZRUMlTK4XCO956WBgTYmYrFduKoKHn1VKyzx6j4vnKvQHtRw7VI0nEf+Azq9hEjsymh+kdHb8QbYqmkvY7DSW5tqpcGoDd2mE+7tzAnCEakksLSsCDOupoxKWl6o5s8MNRz0ZiaDwKfP8dGHzQWDZk+PTySzKHR6PSlIWZQWZkze3dpnnRjc7OysrKKipWVlYrKqlWrVGJjYw0Q8Kq8fr2KHNYrG0TbBU+HsT3DcvNOVwILzTnVvWPP4qf90839E1pOx7eIvDy9Yh48s4i1Am0qBrEUDOZBZZUy3oJmvGg+F9nkX1YWlpkXda65uRm6qpAWkFVZZWUgB0pRbLPBxihJgkd4kH\\WmJ0q+r9KWWW2KxWEiso8Mbi2ivWJCp72B9LkfgU8smi2AjsGsQbvABqBbBgYbKzs327OSY7JO20X7a7arIwOqViBX1ZozIokRNYfHEbXfKKSymHTuC57MCo6tjnWIvZd2omPKqgCTpujIXcicCsz79m517myIqopE3ORGajAQMGQAJRVPgKIY8ACtKKCw7Rq1fr1zT7i0011yYylI2ZQUKD9hdp6cTOEqQpwd3fHg7KqZiwmxMpK08AKsrCKDPQsgLW2vMERc4bH9umxgOAKGGn\\zG+jouJKzZdzRnvGIuMSYMef0jUWraqyimTQygD0WL2OfhUJV1nV3QrbIQWq4rhMTll6Ss+Y2AJkYmOxYRWIWGmqEIbNgZo6ZHr4Vhat8\\AIGymSRq8CF600SV8rhArqXw9WlOeAVwY+0rgYT3v7lIrTPhYWluvXW6msVyFzh8QlOxD9qAM0GNgllcPz0rquMTsLA3KHKCVH4KcsISpUf5VYy1gV5XPSttHkp5zOltPnmpUhSLA9P\\b5OSCiVrGWVQFxCWCluuu0nbsqFYCsw\\y4rWQtyqs+JJTfAKqHSQ6jsl5ZM1aTJLXZYqN0MPcCazWdtvrjE\\PUzpPdQUEeorqKyiplFUJKd4s5WGKirTQtLWMhs6qQLhUqSavWq8T6+IiFXf7sNaKEvCieBEehtadSCjUvfQImfSWcmE94juRFqcrmNnIe8okz\\DVPqNvkqKy6UUgKZsyRZ9YwIwzAqgrUaciLpaWminxlABkcr\\Uq0VFxuWEeHsdr4sSxcEfT0tbSajYO6KT8Zs6ROOLIGlG4pygxL8rXwsJWdb27KkhYvTk0UM2VrTRxbqhW8fuPQymLaXlmYWCgSQoJeq1MjlY4H+aYo6rsbmsbq6xqV5mdbM4W1Xz9rLl5fTPV1V3lzfFXnqOFZqypOHL6eBgWzKgqK0wVlWnZBJFBUwYrKywdqlbg9irKW5W3lf99wFCvUsZxwRkF6be1tdTUNLA9FxWXfSEddpgrPv5TudLmzYe7wz0ulBZJbYGBVmRmazZbRNta+FbZWlhqrreyirX29fWJtjhXZeEOjkJOYGhUDaItAuJGk9PDt\\RUntZp8idrkDSyPiHZc6d\\bVxl3Egyi348Ky7AUtOKTLxmTeT1KjKmUI2pocU6DPMfiWkZHSDpTE5nb+l5Fk2S32wQq7peGaaJu62PuxV4hl8UUBbXbBV3WP1xcxvTcnqf5ipYXC21LZFSmpqWsgGk1lwVUn7ApruBgS2vvtWD7dk6fFpsER1t4d7s3myl3Kwsz0wrVRUcFs1mzfXKsGXpxFLWM3auGeqhpRXcswTiQ5sKLAJYbzXd3ZUJX2Fa+1gbqEZL86o9PT0G8qLsolXdLS0NYJCbLSkyq84NPzU3ybmm7T5e3IjIPqy657Q4GjYlzarN60GjqibOsGZqDlDATEIcoNbAXRNVUosctcy5fwioxtpaNmvDRsLKwNYSUqFqUQWEsN0IxOwaWI7EpC0FMWmHu2XEtNS2WkUGUVs7+tljsTjg8eNoC3VbeFzgIQLsNlpYusMEwlGxtbCQ9vhzWF4JDyqF9aP29pyUrjhpfEU11K\\Sosr4pmpOkNdIS5SpOgyLgYG7trU2bFbWa8pyKMuACq69UA\\XW2naioWwH2CLYh6cU9UEfrlrgg1V7XMWtkBMS0pkXt5xp6FpGc2rzxTBDrNmzM5aU0VTRdUSiAYOWho0U8zEag9VTsZSzWhYBsSCHhGLJWo48iza3b3K10I72kK12V1zveprgH5Ld6SZpYGmqoUdP09kHggFMyoay4clzCNLCx\\baFjiyNahGSZPtDYhBpz5VsGVXXyNKDBclD0m9rWNjfWNVtc20AR2yg8\\tWGidk+Wtvsim7bbB3rB+rPRwuLcuaroaJgy0ADayCxuJn7BEcoChBht2xyNu1BqhbO1tbX4r2BJINvaakfv04iFpztby2gfH2uYUpA2bduqjXZR9VO\\7F69JMQ8tHnikLMz+8If7dIqK83ZwfTZKH7ceyQ4\\vINvjTqcW\\vZURv743H+9StZTAVR43V2QdxWqfHTud0hdmHJSdeq5TGdSbbex2vjYuHglkWtB02Zbbq6tY+GlWmdnZmZr4WBtrakENra21bbQqWltqgzFLTskosTBrlcAJboS5ZWKura1uqWpj6RNuJ96lbWvtqW2rPh7VMUCOK2b\\OnsUpzYuygEtbC9uqc74aPtE+VbagAKGtgU\\jVWgSb1hYWPvy41o5T5+2NlXus7C00BBvNLUzi4YmTXkL6ugU+GGpLuYnJQSa28MOM8BWW90XCqKmtvU+MzPTfdEkX+7aMHX3mapbg5PW6lUock547TiHZV\\XEnWuygc8MPXxAX5aWoAbEL0tBYyCOKVNkhIQFxMWaL99ujLKzjQg8vTpAPG+KuALylhbWGtbqFtoE\\pA\\bW09fHRMPNR14DMWVtX+fqamoI7phoaGqZ\\FxrzYLrPCN91MBSLfY144mgoCpYWMLe1LXwD4mt\\GV+yiuns7Dxx7I\\2SF9VTW2KdL6Gj799MNnbXxHTe+1BZXxPV1dXTExWV8\\w430akCd1gK+YH98lYgWR7WTxqL2nfQqs35HTokB7r9Jr9cGwtpdxYPZbuKur2\\puE\\N4UmlAgKmGj7p6VRUqoCzBaGqTF1sxP7gpmcOBR\\woX2vItLW2u0YADJH0mYaFtjoOgDxATN3XVJqUmBwY5t8VJ7aw1jATi8VmdmYBUVE8sZ2vbxUJxYi8WVOlbk1oADK84K7kp2XJiYOR4irrfQHS01K+Pr7v5KsuBw1gtra6qUaVbwAEY28uGimqDEAKmGpY+JjaBUilsIRsrLK21bbQIO9PmaoTPqtDDk0DgjNhzvpnxYl9oc1QHBAllUbZ2fmQ1M2GLjujcu4rljb5B7GSc69BmnhjvZd7x4QBZj5QCG19AUg+3yoNH9sqC+C2L0T67JmZKcxXTWt1DY1t24zU1Iw+GNSk8fECYWV8Pb4E8w3BgAbsXyy1fXlJQEz6kuwxV0K9LKOIaWppaW1qhtMnQHqjpqa8dDQ3t6bm8li8X9udm7nl7W2D8XwzmLckpRq84OI6zzJOa1N9ZEGWiMGAlMZH9nV6AU1q6+P7RrxYZf74fGlpbQEsDpCODd\\4CkfH1Hc+BTSAPupI3XMBguJOT0\\z6ul6nqkGzH\\fqqqoBw+kXw0\\NrWwgDG3fj2c6oRlsPH1FQuLqsMCRZ0tUlMLZH\\UY9h0PBgevjEmjTJDS75mPP7pxziGvlXIGyAvt20A5kzKdFLlY7FZwNjwcMu38acfnNYXa8jx0lQDialh6mvKry9NtreH7XJkgKmvmZnZvmePefyxppaWI5EBYlgGfE3FvMePkZikimtr+wYIivzDgpI7WyrBQsDjZ7zKGz3TPTei9lWpv4nZmEyF9SNhZZx10\\XSAH7l5eymyZ5KPtgzNRMHBASoiXErJVYTmxnZ+ZoZBvD40hs3eAGmUNXBR6Tlf0tMQwpGhnCq\\+1kVpGkKTurKGk6u0vC1XdwMFLH2DR4kiUj5mp4Ji8rY8FSHmkIwwGM0EBixvcVXb2+7urVimtx8fGS3piazOzszIRBAQ+JhOV+m35wrYjNSM4cjBQUD3hs9mxtigsumBJ5hIty2yIlFf4e4V65RVKY5aZVvqYBwq8muyYvfxv588+GuOyYURMAz3x9NXD07fiSaX8PD1FpW6Shrzo0aJganp6sqe8ZfcADepGlxvf1aoNDCUr48YnJT8OPd8WBXyBj+OzGMx7\\ckJXTe8Yn0dMGPIjxy6P8QJAA84HUyNefJYI5kzmteDTw1E8aUtCTVdDXtzlI0Kq\\yzMDM2glmlsMzPjRTYd5wSFjfTjtITgzewe35BGtsTU1Ew+gKppCNzj8YdvSANgMYfmKg0NM2FSbuDu8OM1cVKxGS\\gxmNeZU\\maPZwpdh0NmoEWUGpmExNeQW1sMYkJ+TxxQHC+Jj+S20tcVDLn50+PRYXFwkr+1hlJLdyDG5Jf46sjKv\\dvLyV6d5Zri4mBmpOTgAMw1f8+vvQo3ArS9h3Uhb\\6h\\dmFtyvHpYFc3nqEG1iMz\\iwxaUtAzMCgoCB7IGawA6wI20iaDN2Ck7ISr\\9xvbyhKFQo8J7MSqu4mfak8xqTLwYimW3bZmbolgTrd2BKU72Q0NEr4Zo0ODUlMNxzOzC0b8Q+PBy2mjDYhobbTI34wuHOvqHJloLhXiFMfT6APE7x8KgGPUwDBIMjyR4eW6aS+NuoCbKNnxRTeiexuiWSL5X1NjSUjSnQFmjI4wmK1nHKPAfypBTdAwJOSwOEk5mpxQ0gxYNSY8gPjh+cHOM7GBptQ3JvMxQOwjQK3zIdFxk\\JpXGN2UPpSXUDF7Oi4+UGZlzDKR5DjwHKRRM5+7jWcWRPA0oh1VmhlFjguCm7OK+ycl4jIQfGRzc0yvlG5ppoFswF7xv+rMnPAaKKoG2ULGjAoRJ\\TFFlAUSOn+eLRKUobBvwBwLptTMTk1Y0DVSURiR1xsfeaO3d3JysmiwZvJyTbFk+PLl4fr6y8M1TUU1nTGXH8Bij3EbAjERSCrZy189yMGtoGh0S3balKi142Wif+u1SBgzHBQoBElXf9m1RMQ8CcR09ryQ2x6sb2QGlMPRU+MzkxquX3348Gpmi0Cok9NQe7aj4uzzzmsCvpnGNl81QzUeP6RL5AnVcTA+uHjAKzwcGMovyPKkm4tyrwX7ZSVzGKKEwUrDbdvU1ICYPG7L6Mzz1OKamM6aG5GVvZMtEsnwNSgzkp7LPfVC6OImyfI3DxRlXovki4H3kG1gREzd1brqpoiW3t5rkvj64cs3KmH0TXH0t5mpQQeBJMbcPOhCVj3PEEeI53b6RqVQ0JB4NLW8R5LU29sSXxBXU1OTGRfpYAihATO38SRZXuE7vRryIiPjh+Mj46fLn59NzCxuqKnpjZNIWi73xgXHDQ\\39sYL4m+Aa5E8vqD\\OGuCU1oUz4doNKx9zdzGhr0LKsovZdRk9oHAYMG1hpqEHmg2wnltasgTJJWGldGPZw\\yDQ0d9CNvjPF1CtoT2vwGhyOFR1qaWoZ7WyRxPZPD9fGwlxyO1A9w0OeHZotYrOTsI\\xtpmqu3hH9CQn9TQ1Jkp6EzPKh6ZiKzq62hqmZhGtFmUV9rZktg5K+ya4kMIlxQz3BWgfr8LZthh8CPGnwdPWW2ucjx1Nu3qwTxSQJAgxNfbEaRaZe\\RKJuRSf\\Kw+2R3kjEu5QB\\CJNEZObh69yXU\\XH7l9LRIkdhcER2x4\\lM78\\H7gWzFczMzIzctCPEvSNeu4MH+iXFEDBDOwWJRbH6wwOeE5wUiriglNHOJyglNp6nhpsfxzUjKAgRFSMxtxM7c+Mqbg22NBQ21kx1BkzeSO4JmEma7Je30hNWFwX1m0\\MF3P18dFCXip75rUWXe9bnt7OyzNnYUZDZk9DcORDjj2UNmNoEzwTSqOBwbi1oEHRReKODfucpzAL3ukIruz6HzMZE9mbWp2wkxi52BkFAydEfI9sm3AM9yzrqWSL6xvqA8uqMjtyKqeKuxMrJhsSK3I7G2IkVzrrBlu6PUezr6ZOOktFMLjFSO8eqpeiNVlGxBPeKQhwq+\\tLZntLY2YTohOy0hu3akJ5gPtcdIQ8PI0M27vzqozHOkKF5fzUzfrb73CFdgciezLb8lRlLZWz7S2tNUejOrpj2mq69hqj\\mW74DT2hT3OrBNh9oquSpGfFcJcUZl64mZsdEZHTFjNy8lDqaWJp2viKlPDsioiOrsHUmoiDYr7fJL9INMoWFBCYd0IY8lZv9d0BVZmZiaX2iqLP95TpRaWGH\\\\GaSp6vhqmR2rZtwtT\\fA7EXIqfLlp5itbtTBHTzQEmOG6i1fS1vPuyc\\8D6GwKFYRmZNamNQyd3ZQ56MgPAN4aObhFOnX5B9HDEouDvQsHPAMDt1dICryzROGssNxCid+UPz5eF0fqq+H2x8HIjCfwO\\u8PKb\\aG1WRkZ7ZnHEdOfLmJr6gqTR0fLczHo3B6GkVpQO+tpgfHFNwlLDTUooratrrbg01J7VmdYWU5QxmFfp5mBEyO4AXgoko\\ZBgSlTSUIwBNPJTQDELMjP9u\\MvJnRFDOUWpF9J+bmj08SYBVGrUBmvvdUmHl4WHlxsFBQHxMvKJiqjompONuXcPVg\\0BaYlfEnZii4s7+jOmEpJiY8pHOOIFTUTVsS0rbgt1wxVQzM9PnPgBi1vp3Jkw9vzR0cyT35sjL77NqCoT6aGKbA08gyfUPCvLP6gMqG+oL42vyuAK\\9pi28y2dEZKmjpHMiNTOxJGE7NHctuysoUKJq5sw0qnHK7w7ObFYoA8rAXcwIfX3JyOZCX2pmSMjN8+mtXbU3cyYKu1IiMgonypsTcs38c6fbHLZ6uqgrzb\\jR5fX40PAdOA05Is0ZaKtLrk0baZFP8GICbs1oGY\\NSrS0fMnUDMiQt\\3ClwcyCbDXhZK3RKyiy9Dujs3xEsyL\\zpCPrTsNMe0QBd62aGbAiMrS4NZDNGWiqD5Z0hAWaizLbCvzuDHh2c1Jq+wr6Wu3tw1Km+oSYZQdIniFf0NT\\+z+zsy5lZZ0\\\\ySzL6M95WVm0Q6TvtHEq1M98ZFCQWGdPTs8pTZJwFOjtvJAs6Ts\\1y4PjIzlJCYOFo4lFCYkTQocNXHNn0sq27eTSJzTnJpkcR1LVBCTd9VUH+5viA\\s\\zs2YNHizrTDrbH3Kxr\\\\1lzGCkG7V74guKW+0D7VsrkmCHkpQQH2rS33Hp4NGjxZntR9uAmLXnn4\\0FCYMHezKTItJ7JiaTvJLhUdyD\\+pYgEPq7g+FES9vISM\\JvXn58\\erY2IXuk9Gbp9z92dJlw3ZCZ4EVB\\7owDgcKphCmAx82jNcESMzi8\\2jlyRZ10c6DqbljtR1TNXWXrpTnpsQpyMUFLTh7IbwwVE1B25cw2R7R8dMwp3+ztzrue3ZpU9Gs9pLa1\\G9FckDEW0Fvp5m7j0TF6Lk\\L1YQWRvc0x+47Ffw\\TgPi8UVHi0NS6deWFsMnMwycLM6gFRm4RZI+5JMQ8dGgDeR\\zjrcuJFZfH8dvrdAxqSHx6n+udsS0eAuCi2+WZ6WltidmtXnruAEH1PjBftle7LLk8uJIQWFKepl9a5GkIKIjzDPQP3FIkg9FKUwExQ+Zrq+vv1YfSAYFbCi79mBFZmrhUGZFYXbirzFFfgUZmVkvbzZJBMF+tWEsuld5WwEXfSBeuIVKEq\\CJvPmTOmT2oG0S5nTQ0298TD8lEogWV9d2FN83ydSCJyA6cTVgYrpvRf2mAcPZhQnVAxlTT3PnUrriClm8teimJsgozyME+RfXlwgEDKRmN4VHQfPnz\\f13DnYFvr86uJd252FhaWFh7tSjib3fHy5nTEwRmRvb0XKZhGOCFgh8HMS8j3m4E95sHnmVlDiSMv62aelE77CVyJa67MiNww+0D\\2iSh29q1fDdufFceU5CDxCzqvFOUcD234+DzmPLEqy9n4JHyyZ2YYUFkQUSWKIzjn9hWIEQdrt5JU1kdaWdnsqYrOkoTIfkv68rLa8\\+fnMqqz0joivVJZRpIunqgi03bHzwjbW5N+o\\CHylcZn+I+03q2E0p6rX9UjFvlUbzaDAqC0tMWmEmE+8jdcSUsCLGzc0qStr5urVq1ODToL4yzUVqecPHkydbgnm6rqt5fGE3kMpnizOQD+uheZPy0S4WxuqY6cHttb2+RUOBLLCUiokAlS1FhnBh+rXldnQVXi0MGuyK62ooaE87VJ2W35O\\p3s7OyiAm+\\oToOI\\xCPxQy9IFiEVOS9aTjSWJ7WmJ2NhSxtprJmmsFAldoBKVroTJVkB1DW7Crmxsyxk1oUz9c7+RSMw1cy88HKzVpZ+80NCRmJzGBI2vXunHBbxAZ7ZcIXLWY9ZPBTk5FtRl7812SaoYOFif8My2rIaHiYGF52sH+7N9fgmv9Z5\\X2QfZH5+ScPmGasSzta7MwUm\\\\KKpiPPnMyoashNzz9bmJuYiMaHRzVWn4OZ2T0\\7kTaBG1y66erFDw8ymSZtNcUuqdnZNdkd5RUHL2XfbE9MTLx5aQZuxIUGw2LjFcgZgDrO1YXwXENy8iPOHj16PiLj7KbyJ5fOHk0rTYNFAKZbxsHzeyPynXSYTi5+kmAtVze+wzb8mQZ3d3f89NVS87+EJf7ATNXpnurWijul60b72we2Z1aKLbQt7Az5kGTuUhJzJ40s5RQxCY\\WumkJTCQZv\\\\++9EMP4FAUJ+akZ+fD+Mg0RHq6q51g8eh8rBwBhSeYGZxSvoEu64lODiiYzeDBbukCJj9ZWWi3OJgV30cSRgbvpubICdiqA+G8mBqcV9+RupQKvAcEmxyPi0tFXdM5ckcZ9iVBuN6iDKQBDcdk9R\\bvrx+aWjaYXP0y4dPN9XnJQToqVLOObgBqtyXVjZ03VTSVw3t7UyYgrivZ1ykiQuOTkmOfl9xakwmIWFaalAZ5Byc2Vm5HqWlflnDQqEQmOBSb13iJMkNX+HiVNBUsTeiMKDZ1OL0zLOZ6RmnI9IPXo0tTD1\\NGrXmzz5Nw2gSuUZH03XTAt3BqflLMjItUvJ\\98RGHa87SDZ9PS0iJwKdd3A+6nlnqFs\\1r613h0lVXyHVKKhDYFPglmeTsTS3sS33+PBUsANcKIQdn0wqTnEILUq+LAoOgYAZzyRxz1XF02QvI33v+6NGhS0jI9rMHD+4lN3fscNnB5HKZO3bs2MqF3OrDAzMQU1VV1UAzNlZT0x2\\3P\\2AWH7OGa0Jm56tHU6rre1My8g2sCgysyBD74JIpZuj6m08yT9EBuJqQUL5FqyHLkZY2qOAva6MHV0drhc6XR9AAAVX0lEQVTsdYF8uLiEaunq6uq7Rvq1p5hPhA\\A+g1L+kSZqLxYAM9A4ROM6n5JxNDAUxY7pSJJSEqbri6OJpVqFxdI9V6XHJJguMoJDXXZC\\n29its5XA4AzMSajkECsHRTW8H5cJe2ARCodibn5\\jaMNFbgAx+Tp+HSJ2maxgyrzWswlxdHLcscMxxBFVu4A1kDu41wlGEEqdIGcIRDh1RSiiy3Xc4bjV0cVlRyiTGQrB7diLzqFf8AWiR0H06POBcNZT3PoSv3RxWrrqhYIFoIejSQ5JEpay8y6OenzoYizIn\\H3ZASOFAavRWK6umo5Om3V0QEDkEHoBgJ7c\\L37iWB5YNvex298yGd3Zw6KJiuhPq6WlsdMd3wTfUDbyBNjnhzh6Oj41YtV1edrY6ONjAcMCfVzKosopubDQwMoqPf+fPOfxXRjx88+Pb0gxsPxp7BS6VdtLulhqG+q9BVVweIOU6n0en0pSBmdzfNE4jppwdBumH1wQVp6w5CH5cdNlpaITg7MSE2xjgw3ILU8rDucFHmoCR\\SNTtbF4Hj+QZHaKT4bCxhK1mchDFF1w8dRFua3X1SFJn4YJZB\\rY2FD535vtFYRbLIGrKw4MmOCCtNbWHcQFisUoTXlACC8sKKwzTw+snq6H3YUbtVIba+nZhIZu3bpVz8ZGS09mB3kGIwmecL0jEr3YsMMcxN0fjr6NDTDAUYfLtYGDzEMcf0dyATMIdpjhNAimAP1ZS2Jx09WyAT9AWI\\pSCWJ5GkrbtF1uU6ppfAQf6FDIsA1meuKZrbqcZmOMp3IenK210WWiVDvjPJkNjySU1MMoGustxXz7Ujpd6H6EW\\Bsp6Nnq6bq5YNnBnjTEFmwmqOqKqy\\RCo2hgVFRUQ9SwqSnzuWRTsMNW3qcEkExq7QsXET36W4ifYV9JOnuzu9kBiMl2REyQzELcjxSFHPWOtEMiHDiRCRwuJqQdP6SnmLI+RIolfRq79rnT\\rDaJX9rx8JPhA+2ww0x5mh5UN5Oko4sDaQzAA+hDZoc4UiAcs9HT0grd4bTDKX9ou31Ycmm\\hOtqjMRDYoKUMdKGIvKOHURsqw14QEioy8yoFdHx\\aUC7ErB2FhLh8kEtXBibEzsOBINQGehsbHApd3fvtu8tL2A6wZTxpi5VU9HDwjGhfoT4gRcAwoBYPxt4DvUe8eOval19mH2KVDJubquGIsr1H8gJriuBxNWhzhITRlHG1ddKJjBe2dE5k\\Drt8pwNJOiIm9sStybYcs8q0ouBXp7QgFMy0lLDAQN76QeTeosmBIS09PD6YZSYAjEYX6qIUTDtq0SEahAxX5WnweVTNS+2Bw0HXDYo\\THSYXPo+t1cXib+yqQ4i5evXqZUuwx6R1d9OxYmaEQO2BVLpSYWPSmKEhIcCekJBQHa4e8JIQk2ty6XrY4XBReZ9ffvsFOitwABnaEcTw8C\\vi8jo8OoOMi8v9NYBJQCkCDIGB4MMuA05Q1pCZrWYW5khLhnlXt2BoM+Ja4wmdF25Ojo6xro4DtR4OjrickuozAVygJuCnLQ6c7b5lloJkwt8IU4TYgIzkZhAcTLuZOy36oBirg4UTHzfoLxPQHq76kBEOjYhTC7Un5AQJpDaxkaHkA5gY8MMycmYEgXah+UWFuiBRi2MHwwZU1TD0JBuZMJgQJAbXYFJxkBgoLl\\bSqTCxYgm5hJGz0dZDGoZJKewFNI71Zk99YQJ5OIjrAgDN9bgMSHSQmxY9rgBLYm0A9FKZNg1Jia68bUFZn6hJwfELpaxm6EiKjWWEDmAvCCa8xlpnZ8iZ+Vr16Khx\\n7iB6+PjtJxEmTC0hF1LIxZD1bJihsL0EYurphcAZEpPQRVeQ\\zIljO410B+Rn3FdlM7yLy+MyEhLYR\\yrIOH95cpnuFeKTMRoVqw42PqULmEYdGhBga\\gQAhITj8MGB4tXcoxZztOdAPHAMrsD65cqGjsTG2g9jWkJCtW5nYkwJRWJBx1f8p\\ryIX6hssJAoWoSYaBWWZ7CBVR4Wd\\BeS0\\AhGn01Fw0ApVJiyRaB+9DfyhAeiEhOsZcot6Ggp6eDpSyOpF5WEqtJFgPaxiuGKSYkWaMbLYzRBWKhZfrDQUz3D45d6gAYtEBJ7S0SJx6hMU2xDuIDRykbAD7TfKHBpLNIZ0Sb4EeMh\\6GOuCIBc0MENwNuroQUigjiwFBFwtVE+c4Mrz9YMA1yU3fIVaiVUCKzUX\\SlI+0\\jEn0kqbQZiOnMWF5yNc0vRIcaG8gE5oyJD3\\AICYOLTKVCTSFJTIDZjgUzMKMjDspnpuBjhH55zs8WRO7ywv9Lv3Hkx3ulVhoAoNvE0Lk9AgtdahB0dGjxoZJDQtTwIRCVp48MSFKhCKLI2FDiBkKa5YNmQrMrcgwnVliEiU6TJfUUnNzzy0VfX6hZNBJlaOIid7qMLkwp6Crno4NEdALcfKWlIeVwQ6z0EQHSKvDJcTkol5Y1UNksYNjTOACWNSyMYF9cyA7LPdOgYDrSjpi5dUiEwwCo7oTKqPVELDFzE8d8WQHptRGQCw4sQkvsWRqAe1hnuqAc0yZUAhJrTcsNl6cIEhnQSgkRQtid3LS09XSIb7BnMTZySSehsLkwTWBSqdAh0oizhMqpzofDOAvbm9CtKB46ukIYFqjY5DDiCf3Xixfmj2mElZM5zXLG68\\SfUz8TYxMXGahYlTqLdJjomTiR80hDqZmPjl55iEhPoVln6+5\\NfZs5mXOr45cuSLzuGMg6mjZTsKbk9AwXzj5Ivv\\xlJjXfO4SSCwFGUFrxlRzgNnWKPQpM\\O6UljTuKbma6ufk7ZQDFphM6GMSEgJdvEE2B+5BV8ovE7iEU7+Mm3Uln\\+SO5SRj755yzwOwQ4mlHrKDCiA+\\CS4xfRngtOls5c8kOdJqEQETaY5DgxQ038cjBYJyKYQ5nMyUj7o2TPnl9gxprAsENPb+9QlIJGvxxZX6ICIyTW\\DJmSr\\c8+X1JxlwH7LlzZzNZQgzhPhBhMFlEkgOOpkxVPrLnpJfZjJQA\\gCcvnwip6byGJHU6GhKIfmTUg+yQvJJ3GEKPtggGx4ox8msJ3JMfGGWecUCi5BRq7ePsZaDUv5EuwxlTYcpq1ZwzhW8p8nL59v2rTpn\\LA603k9qZ\\bvr+R3h5\\ut3B86c+enfv\\7667++O3PmwE+\\fv\\rv787c+DMgV+\\\\\\5XuANt38+KzVOHF5uok3m3Nm36\\td\\gcyBX3\\9ftbSJZlBqt+PP\\44d\\jxx00ymZ++Iz58\\72s65ypTbMgTZv+eekSfuHly3+Bk+At3EVdl2ROyLTPhSsTP\\sjFQw6tolSIbMw64QM\\yRfm4i1X\\+NsVA2AJcuySfzkkz5XFzo1r+\\++nMme9+okQw9u+\\n5+yuSMGNC88yrDcjQ8MYu9HjILkEG68vPpHYzp7aX4Tx7JTtA0blNasWf7i9v88vPXdF1\\86238+4t\\A7Dli399B7h\\4MCB+3gCDD1wgDpBYNN9cgI9X+MNZRRmL7\\4Yk74izcgLyffNmfwi3lt7+j3xb9k1oiXlLdfvDPIN\\HTF6\\j++Knd\\oyeyW79dM8kZ++e78FzOgXX8wlb4HY5TMwK069fPGxMWv+u+9uPbz3+TEWg7ZsSX4b4eoVK1cqHTrEXn7s8z\\u\\c8\\EN\\8Q4Zv8PSb1weC\\Yjffvvhhx\\2U\\hh9vSbb6iT3374xzff\\OOHH2Ra\\oeCTKUMspvfzKmZ6z6HN3pSoJp+eG35bYE3rqjr\\6EM\\UBhVqkcvpknAV+vPXufhfn4YS6Y+c6\\05xM4G0r89Ikh3em5x8fHTIz3\\x273bjeDqdjsRcml\\VulJJScmZnT7+4svP34kvKVAXe2SAG3iAXdge6EHdgRPS\\vmi8eXnJSWUkpKSz\\8CUAqF\\pKMzMpiLZVQRkre7i+XkHk35\\IDkn\\Fq0XmTN7sO534iCj5svHYeDr78LKlKZizxIRtJjt99\\jyP8fu3bt3zcPrSzjbvZw6wAmc7ZK9vB9yOon04vCGI7sXNoFWxmfdmpN5j7lFezarbBdKjO+Sx3sd272Inv+7mPNzd3o6rOO0JSbmoUP4CSh9zXxs3il3yWCwEWUU2AwGw5kATtj4SqczTsLLGuc1mzdvntiMCuBsTpnsSKcgu2CDGvZEGaWFQQlslpNbI++ErIsze4JNCTnLyb02NKuFQQD90VvGBOWxvBdvWJC5ieFNTMAXxMygy8UgM0TBec1cGjBBE5QJ2T25GN6wg27RoQ\\p5bx5fuyb34nX9t8K8yMeZjMI4wpfSrQl2mIuW70a9phKhzCNsH1Q+nMcOnQIErFhAxD400+7sTNNydkZ7uFDGlRc2gYa\\oY6ODtEYc0CypSoh7qVDPrOQ2Rg1+zcufOU0qKxE9gIL3\\mKGL2cgN5hSQDLw6hb2uw7RTBAhYgFhh2ogjiOvUuC\\JYc0jpEFpYM795gdiVnDdAMoGuO\\F75\\sNLKjz44OaWDvpS\\Wb2GXEJNMPBmDlOzDn2wbEpwTkl6BDXnEET62gKR3CfBOKKq2hUq9EW\\l+gPApGo4DDXmyctFAS6doNMq7BXvKuEAD3lPugTWllRQvFzB4ivr940qysN6ZkDdcUqLin2snFHpD63yrNCQmwc63Eg\\5BPFD1GGOyu8y+\\Ehs7qTYOn+RMCKFfOYpySj3bsOGzCt8P3Jp4cPH\\708OoVK1aQbJ6CkxXzErawFvnDJyvktCxabsMKCrJRXtDrOU6gwNwVkX6fhUV5tuHU25gb1Pd6Rrn1tgV5LDYvH+OwQW5SnVrCP6EyvyR+ugBkGVy9mvxRg9Ur5mPlfGJu+FTuLyK8oUauTU7JisN\\U+7TBf4ew4oVZPa9E++PdvW7ey7gyyyo3C4k98nfjH2hto+BFcvmZ3AJaUnYBP\\ga3HEJNSkyZeI1wsMalkgkfJBr5bD4Q8id\\hdtJH1k5d7X7QyibeIuZAvC1l4Q26eZ38l9iXmpXx8S01MGZZtwPq94dN3HTbI1k4EbI\\eIOZKmSp8XfbJYRxR8g++5JV9Av\\ICx4+2SD392UWlJvftnpOTjaq8+XkDnOj\\wm1d5hNMBFeKFpYumg0IoORLuTLJ3IjN+cTwUKxy\\L5ztgXOizgy8c4rJbP2dIS89TckrwQZvdOr7ekp8g\\ACnyhJhEy7s3XO+A\\FZqQTm5Nnm5U38OaitKKLbhrb3be3b9G97Ypi7KFxk+obCgehrtz2J\\Y1twatF5+QhYgXHM83MpiblMbq+40Ds8SvIdyBZgjpjLZjcjf\\JQ\\\\YzpexBXwalRcutVFo0wUiI7+TOhve+QyKj8p+91\\XOySVHzQ2Ll5Nvkyfm4vPyMSDHy\\81Yv5NLETMv1AxP4LcAsRcRMXc8Oliuv05Mf9uDAsR878E7dh+Bp1GY7DpDDqdtvLUnnv4A5YsGm1\\I\\0UjfHZmbt37x64e\\fM3V00No3OgDaIg8HG96jZeIcs6Hib\\FwmbRm8kvt06px8MoSaybva0PEj7DjfHuJlC7X9HZ0LaVlU22IDkw3\\X3Ppz+j73om+mNhft\\\\FQrR4X979Ud+eu\\SHj15dOcNgPXz0iE377CEdWcdg3b8NFKPvf9i4p7GksbHx0QsWkmv3mUevHj36jAE0ZjHYLGDg7f10NqEc0o+Bn90BReHIQn4zGITldPzwkgVt\\2t\\rleB\\9ew6wqLsWv84vguOps1vpxGv\\eQxaCnA7XulwDt2Pt\\u3vxBOC3K8fgCjh3cfn48vH7JWwagwHtQLp7t9h0kCMFl9TUdBYpmHigkE5n4910UjIVGVdgUTiRfu8hg3GRRmOzdu3adawRWXhsOb6euHjiEW3\\vXTW8ldQLK80IjFZdCiqbDaQ9tiJE7dYjPETr4DJ6a9OXEmnpd89kc6+d+v+xRe05cBtuEpn7T9xYg+r8e7+E\\eWQxc6PZ2uyLgCi8KVV3fpdPpFNoN978rFV2cYnz2kXXlx7BU7\\f5tVvojxv57jSX3LpbcPnblGKzKDDobzj+7fWsP7QTsQu8xHrGPPbrPgrbGu7T7txl32Z9dvM26yIK6eb8k\\S7rs1tsxkX6nhP76VdepTeegdWepci4AosC6zd4+IGKCQt4ya1xBvuzh4wrx8ZfsRnAMyTmb\\vv3z9x5VHJlWM0WLuBmAfu331UwqafuPfbgd\\oFxm0z24xrrygNZ6BtR96wBUdlLHYIA7KbtFZQMwzLNDJ2HOAxWIpKqYCi8OtEw\\hKeci7hHvl+ynseDhByrmxYcPH92Hb\\p+eEjf\\arx4R4gJmwxYdFnMBofNtIZJx4+fLgHCM0A8kFb410kJg1oCtyF7Sb7QAk8G8EV7SIDHq+gC7vxLgusKDKuwKJw77ff9sBSDs8lt\\ePA5FwKT+2\\OK9e68e3tv\\irH\\yv37Zy7ef\\XqIi7lbOAZPHnvv8emnaDTPyuhXWTTP7sFAvTGu8vul9BvpRMq4oPQ\\ds0UHaLAQJATKiYcICnfEXFVGBxoB+7u5\\BfkRn0fY\\unLlxIv7x2BlZuyhQf2ks0vo+x+W3C4puX379qNjdFiI6emP6Gz2sVuNjM+uXHk4Tiu5cuXRrfQ9Z64caExvvH+lBB5+YFfJfvGQDle3abv2X7lyD0hLp2HFvA\\sV+wxFVjkU\\mrcRZ9OdRBWvr48l3LYUlGEtHT2bgys+j7qefzi\\Coju\\8sBgvGAz68l3p8BC+nEXbxUgfT2fRaePj+LdO08fZNGigpbMZy+ns9F30XTTW8nQon8vZ0JPGHmfTFXtMBRb78ENj7D+Bb1UeYCM5Xy3bf6IE7tFot0pYwLnf7tHo+JYl\\e4xNjz74Bvl8BAPSzoLvxnpUEZBCk7hHgvfsqTBExAtnXwcBI2w+mMLPKXT8G17+KfIuAKLAi0dSiAUPdgWshgMBn5yCITD\\81Fxz0l+eyGhVQklAQ+4hMQC8gHVyyUYzDSGchAbKThB5sM\\EySjjpx7UeFcARWwzM5TfHwo8Bi95gs8pk31Dn8lBEYiB8cAv3YwEg2fnrDJu9fIkuhD36kDh3hGo\\APxpjN\\nQh8FexibcJu00\\MiSjaUSbiBb4QxrK4OtqJgKLA5APxaDqpj4sxiEhbgaU8svi1CSgYRlYFHEcoksA65hBSUfhaMAuYP\\0RRqLY1OfVjOJgVYVoRplBbFR5IKLHYpn\\3ZH+oHhZZRJKL+Ty6N\\Bpr6opBOtBl3WTHeXdkr9gRfzUHnb6MMXuL\\KdwGf704YeugAL\\57BsPncVUOD\\ChQVUwFFxVRAgb9QMT9TQIH\\c1i27P8DMnrawWnWLIwAAAAASUVORK5CYII=" \* MERGEFORMATINET </w:instrText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separate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31" name="图片 6" descr="IMG_26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1" name="图片 6" descr="IMG_261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begin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instrText xml:space="preserve">INCLUDEPICTURE \d "C:\\Users\\Think\\AppData\\Local\\Temp\\enhtmlclip\\QQ图片20180802184742.jpg" \* MERGEFORMATINET </w:instrText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separate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drawing>
          <wp:inline distT="0" distB="0" distL="114300" distR="114300">
            <wp:extent cx="6238875" cy="447675"/>
            <wp:effectExtent l="0" t="0" r="9525" b="9525"/>
            <wp:docPr id="29" name="图片 7" descr="IMG_26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9" name="图片 7" descr="IMG_262"/>
                    <pic:cNvPicPr>
                      <a:picLocks noChangeAspect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6238875" cy="447675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end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begin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instrText xml:space="preserve">INCLUDEPICTURE \d "C:\\Users\\Think\\Documents\\data:image\\jpeg;base64,\\9j\\4AAQSkZJRgABAQEAYABgAAD\\2wBDAAgGBgcGBQgHBwcJCQgKDBQNDAsLDBkSEw8UHRofHh0aHBwgJC4nICIsIxwcKDcpLDAxNDQ0Hyc5PTgyPC4zNDL\\2wBDAQkJCQwLDBgNDRgyIRwhMjIyMjIyMjIyMjIyMjIyMjIyMjIyMjIyMjIyMjIyMjIyMjIyMjIyMjIyMjIyMjIyMjL\\wgARCAAvAo8DASIAAhEBAxEB\\8QAGgAAAgMBAQAAAAAAAAAAAAAAAAUBAgYEA\\\\EABkBAQEBAQEBAAAAAAAAAAAAAAABAgQDBf\\aAAwDAQACEAMQAAAB3KfgX+H03coqZ6HhnTO9EZ2TQxn4s0XpmO640FlE68GwoBuKAb+azyViZsx1aQzgmjM4GjnN3TQmcF0ZnQ0RnRNEZ2TRQj8k0M54H856DQTnw0UIvM0JnRdEZ2F0ZnA0ZnYTRmbF0ZnA0Zmw0hm\\UfGcF0ZnA0HEsFd+CuVZ2VCs+zPSw\\vnoNEZ0jSucC03z6+LV6Pk4tXqsnzfZrz+nN59tzwJrojxqnSc4e\\ar67GJf114eB0ddysj2tLz19eVrjm\\pn18bdF7nmt03uOL16rs8M99hfLGbF0spRaMxOPxZlysljKrYZyKxnEvF4NIpXDSs0shnVVkMqyr699V4I7aTXLTpovhHrSbr784B5RNex4C+5zydB4QnvPOJ0HOL7nOL0HOHQ1TbjfLo4mOv4HGufeJnx8Soav5EA9sIR8CCXwJB2Ijs6FRWdgkh4IjHcUks4BNLoEw6BKOgTDkEw5BMOYEtnMCaXIJhyCYcgmHIJhyCaHQJR1Amq5BPV1YSDuRHD0hFD4EI+FQw\\BDD+BBZ5YQS+BCPgQj4EFnsixnf1sK2qf\\8QAJhABAAICAwACAgICAwAAAAAAAAITARIDERQEIRAiI0EFICQxMv\\aAAgBAQABBQKco8cZfJlLN8+888sPTN6ZvTN6ZvTN6ZvTNDnnLOOWSySzKzKzKzKzKXNKMfVJ6pPVJ6pPVJ6pPVJ6pPVJ6pPVJ65PXJ65PXJ6pPVJ6pPVJ6pPVJ65PVJj5cnqk9cnrk9cnrk9cnrk9cnqk9Unqk9Unqk9Unqk9Unqk9U3qk9Unqm9U0ufMsacOEJR45Zhw5lpxM15xpxbY+RLD0zemb0zemaPypYzx8keWP4+fz\\8i9HlT5lq1atWs8q1wcixatWrVq1y8n8Nq1atWrVqPJ+1qxYsWLFixmf8dixYzNusWIz\\AFsWLFixYtY5Pu37tWrVq1atY5P47Vq1atWrVq1atWrlq1atfA58+r8fOx18rOUfuMs\\fbt27bNnbil+uzbLvLbLvLbLZKX8X+vTr7jj99WrVq1atWrMf4tWrVq0atUI\\rq1atWrp0xj9s\\9\\wCvbtGX8Pbt27du3bZ22d9u3bt27dv8d9\\O\\p8vhtjyRlBx5\\Wf\\rt27d\\jt24PvOIMcbTpD4kp8Wv3WzBLH66tGjRiCtWxBWrVq1atW0afWjRW0aNFbRWrVq1atWrVq\\rVo0atXT+vz27du3bv8du3bt27RjKef8d8SjH9JxS4u1KhQpUKFChQpVyaSVZaTVd5rk0kryqyryryrk0kxCTSTWbWbWbWbWbWbWbWbWbWbWbWbWbWbWbWbWbWbWbWbWbWbWbWbSbWTSTSSuSvKvKvKrKpSpUqFChRhQoUKFChQoUMcCHF0hh\\TOGitWrV4Vq1atWrVq1atWrVq2itWrVq1atWrVq1atWrVscatWrVq1atWrVq1ator6V\\datWrVq1atWrVq1atnjVq1atWrVq2jVjH5\\\\xAAjEQABAwQCAwADAAAAAAAAAAAAAQIREhMUUQMEEDFBISJA\\9oACAEDAQE\\AeDqfojl+mMkxBipoxU0YqaH9dET0WSyWROH8mI3RiN0YjdGK3Rit0YrdGK3Rit0J1mr8MZujFboxW6E6zdGK3RiN0YjdGK3RiN0YjdGI3QvVanwxG6MRuhOvHosQslpwvXn2YqaMVNHY6aUK5Pnjq81TETQ1yyVFRUO9FbReVqeytBFQuF0vF4vl8vl8TmL5fL4nMXy+Xy8Xi6XBXSVFRUVFRJUVHa50Zxqi\\fMqSpKkqSviVJXxP8AFJKkqSpKkqSpKkqSpK+f\\8QAHxEBAQEAAgICAwAAAAAAAAAAABIBAhMQEQMhIDBQ\\9oACAECAQE\\AeXP79LWtbOalKU7HYvV6vV6vV6vV6vVr1euzXZq9djs12LWtbsdmrWtw+T78c+Prfxzx63z6SlKUpSlKUpSlKUpevHr9HDj73+X\\8QALRAAAgIBAwAIBQUAAAAAAAAAAAExMgIQETADEiAhQFFhcSIzQVDBUmBygZH\\2gAIAQEABj8C62UHw\\CizLMsWLFixYsd7JZJJJJJJvuSSST9kkkkkkkk2y7\\AHPl4948sEsW\\IeT6PHdlEJPFd0HW6mO53MsyxYsTub469T6Y6PhfBlwL34cX6vgz9vzwLhzfltyT2scf1a5Pz8HnwL34cV6vg6T+P54EPg6X+vBdHr6mzXE12Hl\\iNtX9qa8DtitzrZXfZjSNYIII0lkvSWb\\UlkvWSWSyWSyWWZZlmWZZlmWZZlmWZZlmWZZlmWZZlmWZZlmWZZlmWZLJZLJfDBGkaQRpBBBBBBH7W\\8QAJxAAAgECBwEBAAMAAwAAAAAAAAERIWEQMUFRcaHxkSCBscEw4fD\\2gAIAQEAAT8haGQhLmDKkikrkuS5LkuSR1ci1DAm0W5kO4vfpf8A0v8A6X\\0v\\pf\\SIH+\\lLa+Xy+uy+uy+vrL67L67Lq7Lq7Lq7Lq7OPspzTs4+y+uzj7E\\bs0adje9OzIyuzPy7Lq7Lq7OHsursurs4ey6uy+uy+uy+uy+uy+uy+X\\APg2CRNBC7VCecK1RNRaMob1DEBktmiasyWtoS1LfAmyVbBJlnLkuSXOHZkzq6rbFzRZgqrsSXQttpzZWSk5nPDSdzUFN5lFm7f0ReJyOWJVNo\\s5nM54nIqyJVzmhLDzOZPckSwQb7\\AAJGYouzVJ7klrgnbtPoSJnPHnuS3JVTqOpXU5HMpzeHmczmT\\8AgSczmczmczmc8M3YXyUakoHLDzOZzEJlJJjynBr3JU0UCCCF1OO4odNCjAoMifl\\4T\\RETHNVl\\aJJZUSYkJigRNsJEiRL8eZwb\\ACG64HtyKHCRPITImTIFbw6EyZIlgmTIuQX7EMrp9Kkw7EvEpG\\+\\wB\\8jNUVbkrsMsv6\\KNpLfzEjYXJjFtIoR4fAplxsZIoLC\\AEuA1QgjD1tRVGUNaMYhHQbwIoJxTRQhiRsVI1PLBwOH5CkUg9MG1lWgqcvxqJucP0B4D1McsmF5mN4JwMMy1vMZxKCwewqqS8x1foEzrPY1fXW2Kc22FDYjsGsykJM4HNCAgIBRyUHoYQ2Zts9Ibyq7hID3ifVlxkOoq1D1B5y+xC\\2PWPYPZPZPZPdPXPXPXNd\\chcr7ntj\\709c9c9c9c9c9c9c9U9k9k9k9k9A94qZ\\8mu\\sPMBR5svsvvCng4nEgIbDgigFoaIBRbHAhsIbCGwhsIbBGz4KyIv4IR4JRoQIEWWBRbIECBAgQIECBAgQICVuw0TkgmmQmpHUSogQIECBAgQIEWREVIECBAgQIECBAgQICV8EGIIQTqiOolRAgQIECBAgQICUTmQIECBAgQIERKiAbw\\\\2gAMAwEAAgADAAAAEDtDypDCjz3TEdaxhj+345v2\\wCYoMHC0zyx1nYmQ8tx5h\\d\\RQxsUuUH87TPf8AAZHY0Aj8aNYZPIairrMMD80qKqO+feu\\BphU9NMsAcMNMMd1N1d\\fueeKOOOyl0\\\\8QAIREAAwACAQUBAQEAAAAAAAAAAAERUWFBECAhMZFxocH\\2gAIAQMBAT8Q8RV+X4hO\\wABpfDS+Gl8H1pBak4JwLhNco0OoDUqFjdm2TXsZRttR47Mh552AAgscf1w0DQOOn4JoPeRs5f04Kml8NL4QDGl+dEqX5SFVUb5KyVke+bGgRUR9jca0OeRzyNsjeSlZG2SslZGpeysibImyMTbvsTZE2RNkXlaJnyLYTvkYkuP4xPkrJa5KyVkT5KyVkdB5RpL96Jw3G43G43FeTYNntleSsleSsrKysrKysrKysrKysrKysrJsNhuNxuNxuNxuNw2376f\\8QAHxEAAwACAgMBAQAAAAAAAAAAAAERUWEQMSAhQTBA\\9oACAECAQE\\EPeQqdl5LyXkc334B+hWSsm43G43G43DV9NxuLybjcbDYbismwrInf0vJeS8lZNheS8l5GQnw5jyNeiEIdiMTuiMjEVwLxO\\0VhSnCEIQhCD0tfOYiIiIiIiIiIhCfwwiIiIiIiIiIiIi5\\\\xAAnEAACAQIGAgIDAQEAAAAAAAAAAREhYTFBUXHR8ZGhgcEQsfDhIP\\aAAgBAQABPxDX4jNvRDHkFJRL3YmMtLFySl5jvTvzvzvRW3cT5UOUjSSUzykYwqSEwhUjSo7kd+5O\\cnfuTv3J37kfZBNKrcn92+T+7fJZeXyWXl8ln5fJb+Xyd9yE9x7OR\\QfZ3HI7jkdhyOx5HY8jseRe8+RRSi3GPIveXI7nkXfLkNXLksp5DS0k3vyGScmT5ECUivyE1VUqceR2PI7HkXPPkdhyOw5Fzy5HYcjL9nIin9nI7jkd5yO+5Fv5fJZ+XyWXl8ll5fJIm8t3yf3b5P7t8lx5fJc+XyNUto0QfkeOXsC3KYEPJLmmiwQ0TaM6t4vEkWDmYrE7SKA9CSaW1SNdRDnLC0wQViaJNBBDSnuVRec7070v8Abn\\OJTsRw\\Fh0\\DcodozqfqBFQ0hWHBWaCnIiVwKWTExJ5jdksXvgUOrnIhjVVcxiIeimpQa5n+PkeMfhkNfZDX2Q7EOxDX2Q19lFPE\\ovskJCQnqT19kkpYmks4HZSHsTM2T1Yn1EtRcF4vCfUZK1W8LmLIbJ0Kt5JNiwYqG7ic209NRIPE2ytptuVoMmcL0fsvFxktRPVk9X+YH5gRex6TkZeyYkKE\\AYJToTExMOm\\wDRkTExMTExMTCaJbpuJTGGZIml8ibtNrCoc2TKHCoEiThupMTEwsNElNm\\oVXPwuqrmyj6ESZMG3Ln9jGzOKYm8VEtuBtJ0zZq0ayRjFZVaieqmXosENxaPGB8N1X9PBdLwtYuF4vF0ep4w+YTvNiBXDFxkwpb1yRKnF6tkmRMZj69CZ7EhtVoxArwrwmuJ7ibRlDAmamWY3XEjFFzQ1JQaEqguUGlXm8kOGoo8y0WmMgHS9n6HcNwd4dwbXHeGjUYzor9jczF+zSko+wSR4TqxOxOZOBocSyWrJ6kTjc0PhierN7N5vN4mbiWJZdTgUmxtYIxBhWJEyYpFixmCiyepNo24ZvN5vN5vHco2n2EuRuU\\EW1MfohhucUexUxt3UVEvD9jJOKrBCZJ5H7EymkmVqEoWrzGNTTRKGpcDF+FXscgl6E0bRVC1OIX6sIbE9DRDQlqU0PRiy+h7HaDtB6sQtWTiSe5DAa2Qxt0WQ54ol5ojDaU5TE01QiRKwVgrBWEElrZFIiqb+BMNpN5CWMKBxUglhOLMG4G0jobBOiJYIfn\\BoHYO0dg7R04DdBsnKWDHNtEVkcyGX2YVKaglTMZpUYRS9YY2MmqoYhiFkVGfhjlEscfwTDihY5sbYJQY6ypi0JWobbyGh0TWqRkmN3\\z6pR9CyJdFCQwXRGT8VNBTOUfwNckXwSOq+CpLsKBaBpjCIEFbeLgVgJVikqPBNingtPBJmZqlAlE749vDGzEzo9sxfFiCEr5ZNQTxj\\n8JeOiZDUHomxMq1JZCOQZnJXUQqEtbjuR3A76dvOznczuZ3MUjYvfQbCB1kJKpVzmPQ1PvHN9s7mdzO5nczuZ3M7udvO3nfTuB2Ia3Ce9JCXBsK4\\UoUcYncYWX\\I\\wDbJiuM3yeh\\EEdPgsPB1BGKTawNTqEZUqxToY0gyIRsIoEbEVl8HUHUHUHUHUEmviDWWFkI6EhN\\whGNZIbMkW0PYZlKIRoKShQWy2Wy2Wy2Wy2Wy2Wy2W0NEJJCNFuOEJGiSSscROwKyQ2dMS2Wy2Wy2Wy2Wy2NqqpoNqiEJJGlCZZLZbLZbLZbLZbLZbLZZJxwlkQ5FKjzMGU0KDI9xOqksTRBbLZbLZbLZbLZbLYi5cN6kCCqhRVSktlstlstlstoSskPBKEzjJfj\\\\2Q==" \* MERGEFORMATINET </w:instrText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separate"/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28" name="图片 8" descr="IMG_2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" name="图片 8" descr="IMG_263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b/>
          <w:color w:val="FF0000"/>
          <w:kern w:val="0"/>
          <w:sz w:val="32"/>
          <w:szCs w:val="32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AppData\\Local\\Temp\\enhtmlclip\\QQ图片20180802184823.png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6096000" cy="1381125"/>
            <wp:effectExtent l="0" t="0" r="0" b="9525"/>
            <wp:docPr id="30" name="图片 9" descr="IMG_26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图片 9" descr="IMG_264"/>
                    <pic:cNvPicPr>
                      <a:picLocks noChangeAspect="1"/>
                    </pic:cNvPicPr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6096000" cy="1381125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AppData\\Local\\Temp\\enhtmlclip\\QQ图片20180802184802.jpg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2895600" cy="1676400"/>
            <wp:effectExtent l="0" t="0" r="0" b="0"/>
            <wp:docPr id="35" name="图片 11" descr="IMG_26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5" name="图片 11" descr="IMG_266"/>
                    <pic:cNvPicPr>
                      <a:picLocks noChangeAspect="1"/>
                    </pic:cNvPicPr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2895600" cy="16764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t>  </w: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AppData\\Local\\Temp\\enhtmlclip\\QQ图片20180802184747.png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2543175" cy="2000250"/>
            <wp:effectExtent l="0" t="0" r="9525" b="0"/>
            <wp:docPr id="1" name="图片 13" descr="IMG_26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图片 13" descr="IMG_268"/>
                    <pic:cNvPicPr>
                      <a:picLocks noChangeAspect="1"/>
                    </pic:cNvPicPr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2543175" cy="200025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Documents\\data:image\\png;base64,iVBORw0KGgoAAAANSUhEUgAAAp0AAAIOCAMAAADN+UbhAAAAAXNSR0IArs4c6QAAAMZQTFRF9\\f39PPz6+vr7+\\w+fr5+\\z77e3t9fX1\\\\\\\\\\v798fHx5+fn6enp4uLh3Nzc5eXl0dDQv76+9f\\+\\vf1ysnJt7a2\\\\76+\\\\+rq6u19bW7fr1pqamuVxfnZ2d\\\\z\\yoOG1aOh6M7Mvnl6uWhrxWpukpKS5\\Lu\\vj9kwID7tvXynh61JaY2aysxMTE9fn88\\73xpGQ+PDv5cLA0Y2M3La0tU9V9PDs9vnz9eLj8PP4+\\L37+rkhoaG2b+99enqrT1BnhQZpn1+JoeW1wAAIABJREFUeNrsvQljolrS+M1hFcTYF+7ANI9\\9oFhuSBuuLyaO9\\\\S71VB3CLW9bunmm6kxg1iPKj9qrDSBLDSBLhWJHgN1ZUGAZvcISBBxSOVTki4cbgJjVb9\\NTNkYihCh4JBLDSwp8h+PBA8L7RJGF2wSPhGGO\\uTVr9FsIstJBHar4tslHPyKuyZwF0vfNiOdvM7nv22Ovm0G3zacFBXfNhwMHBge0eF9knefAng52CuecxXeKs\\QD5zgx0pYVeSUr3rb904TPRt4PJIi0rMCh918RHCkIhyqgh\\G1xwspaE5DnoIcCgcvQOPC77DeVEUrr1emkvmHa8Dp5\\uHd4vvkl4EdwxgXfbvL5EmK+CkyCMcBhwHvDyUOBt09OCQgMgom9bOX4DzLvhFFECSc2Vjye6+cDhERQCPw2deMbbQ1PwSPHMtKedYeATU8XuQmU+XZQ0h8OpavPxUGnWHBhc4fA5NtdMezzwSZLmkN50UTISKgy8pahIv0h\\I\\R1UWeIVHtIb3uBN7xv5ITKRyARhDnezYmqyoEEbT5zZOdU+JN3vCC8GohMiV75bKs12jcvojjFj5n5GWQnx1JJTi8kVWWbi7Q9K4rap6fwCw6lQVPiCXughn5KrW6HD\\GjLo9mnyAzQEAhpiq1F46Og9IpMV8kHqjIQtHQcAOiqz0WFBWI7MdvCit2soDiSZrzTd+8on7Rm3+IToUyQKiopBbekX2p7A3PTz9H+FGBpQmogAFGNS1Vc1RmkNbe\\EA64W0rjXiUCEt1aLtneoLYRnx80TsXWrsPXpNQ01NqpQV92wrz8a9KUCA1ilNkG1m5\\3C\\7M3fP0zqFHX2m3j6aVB\\SVS+zMSgnxqeJbA8FaAU7uDbY0EFJJIPvShJ6+6h74dn6Ph9Eo5TvuhdN0DgpaigEuOaz5\\Z61\\2E3QX0xgFePYJ6PHW6OzsmC968w\\ReVCs8OEAnijWmaO3oZAvPJ7GNaX6TGwsIRCmXKvbP07Ftd5OIzjRykOT5khegKX7ZW8bZSR929TAaB0SdAg5iedJ6599yusynUtInc69hwl37i\\cH0wncyQuMMKg0BDDkWP7hRu6p+CjgteoohcNWp6Bj4lDtwwucap8P+iAmIPmIE1UgqM\\viJi9vJtAyFUzypsE6qQGl8aTQ2lUWafct7xCwQnYajZxEkHOn\\M53Dd4GsMTKl1HUXyIw4DLSAWLU0aUcIIF9cEOQmVLu0V\\rFvu91\\G7T6MfpM6aI5rZyEt42gKvQhKtjETxHYjSNGr4ZOQjM\\A5MX3BEU8IRvMP00ZXJLbFIji6ICp4RDKxAtIq4JeOKPxvL84I+Oa2NXTTxHJF\\sDCjUWce4ET0CFW1OvBCbSBrCiYZoIy2Yj6YTRLbKgYKCY1BaPJmfCs5D0gQlfBujhiNVuS+GU0H3WWmsTValQhTjno3gRE8BjDAMTivM++J8Z8qNxdfpQvP4yxcrDSq5GjQw3sqxNHfVvm04Ikw8dFmCD44+ov3EdrEBqjAV8pPS2eZf2hivSB2jzznK44Ro82pIhtqmEKl6VWiShAOLsHUWuiCXgvS0gQ\\mxY7eREfnCbW6nV6iXxGEbjNxTbROQZ3B4eWIqQ+0umnGDnM4jeb\\cM2OH+NJ8olKaOUnAvNUs5PjaErjwn1ZSKsL8bVpNUCQShORRuDR8lIaAUfDB8zHniWJOYplNdGK4wT+2fbo\\Q9FklA20gOgYU28APGDpyFn+BRoTJ5pRRtzZ+te+3VBpZNzLrJflHV5g\\N6IjFAyyhfZIDRj7TJVe3xhNtcc4ZQ3VGxuvcxmY9N+O\\PbPviivQ1mXV6rR1iEFRbKdTwRpumcdTbAHkT+PmcOOvRfgkNZf2ksvPMRfks++ucLdLVynRH0prnCogxPF1il8NhOjn7WRdnE5WXmK+q+2iy\\F36VmnSNQTjvOCbtrnFzyu9Yc7PBU0YMr8EnV\\rENGKqO5wSFOORGiqGRPtYhc\\IF\\hsJyfn0c06lXr+hZcNJt+9I4a3S41KQiF3ddIMW+76l99EsC8+PngPM4U3TpLH+4XHc4vJi07T0fiGwNIIU2ohSb2mkrLoxPwgSLlmKEvjSZhtIwcrjiGJrsVguEz6hpixu4zAwjMhRP+y9D5qcIJDYd2o+XNKicdfsdwFmo5WoCMuasmGCideG\\kg6+UF5rko2ICV2Wu0qnu9neOBpTwmsTSKdI4igzP0P8888j2eiXB\\Gx69AqdFyNdn2P2NDUx7Saqw8Fg2KdF71h6K\\aHuA36HAePDDk4afCzLypcs8FPRWm+nWzkyvZQYOfo\\J6fcf7BTWi389+vbTSPT\\ie3P4uwa\\4PmQBqwp4oSdgDpeXZbmH\\wX57gavzbxBUpzZ3\\+bdmdb1duGFVUV8cRvAOIA8WxYVdXBAG7ifX11OMSaFBSlGF452w5cnv52AuwNaskF2dYJ5SMshQN\\Hb2n5DVcwM8WzPau5u4jcii5gtwTej0BvhiFanUB2YMvHj4cQUYe8TX4Xg+BxKe3m7y\\dWOTBWZf6fXzScGfnM6928P2wZokCpWBYh8IVfuqSnHi4CHaoKH2+yzm8ChHHWi3ZKR0LivvydLu5qlWPDyjE52Hx492cCRTjx\\Ho9v\\IX\\4fnQ8UvNXEr41VOBSk8jEN9u0UnHtPnjm1Oy4p9WBdID8v4rML5XlTOeS91WylxkSAeUFMoMw8OGi7KCyR8BqY7wHNyo6bmq0RnQ9sF3QyOeW254H5swwu2IrHIF\\cvmcSPFjoU\\rVkEtsGyfmjQcB6qiTw0bto9WDnu0qahk1Jdbv7F\\jrc+h3jy5Ded79gUtq8qAqoupI4hcLPHo5IDJQqMUjMLiEMVS58ld6rtNp7ysaY96NKXeN4AlbJ6JhBP3aUuNn5BNneoUjyPgOxudZSCcFTAnEEaqcUNagLIwgQR0olGjtpA2fzonzLZbfAn\\bN7wEbvpOdvOt\\ormM\\m4IICXLzUSJJPApNbNUAS0ug9hp1GiS8fZu2G0Lzhd3YcHcuOI8fOHOHbnnE5Jr4JJdk57EQVYjYp06eAnbMcAhidIh2tUgLBFGcqmK7sS+3A6nDDtNOdMJNjpfRM\\pvEp9fWy8mUsnZGPlgxPOtZGwkk9D+hl\\t70d+wWPbQYYevl9S7efy86Ulx5+789J5WOulhftCtV9Q8cAkbf+kt0B89ttghdiJU\\W6Wu8fbWeys98HQcw3l\\xvOt8Gp9qnkrNxSpnOtERRibr9iDIQp3wjYZugym178prwPNfgzFXZeZHRE2fksr15dOvgwp3KzqOYAt7CmtVG3VM60fRsKwqo5YmStKl8aYWn2KJ6IjrVg44\\sT0b6flbs78hLE1ANhAav+sJnbuDXwLWv6ImP4rrgeUpY+yl8YvuCkz5ppF53di8TudLh+naZ3USM1DIS9nZGp3dt9YaRUmJkd2hyrXSE3U70IkBt8ZLagJvx1Sei8xjU1RF6YmGkkSk3xGlV70Gej5gcHEXwnSoi3gaEJV7xxpafoU2ly\\Zo\\y5eL3ost\\S7y+EJ3MNz5fbqUbvfoqtn6SAnET1fPCJOml52eR86bUf6fQjGUqVO8+Q33S+NrHcx6jHEZYNWqCJGF5o\\Hb5XEr2XmNr3vKWfg46j1x5zDvQ1NiRH\\QBdLbK\\ba0\\03neUIX4MQL+whO+h2tJGpwot8OXtIpm73PppP\\CDqlx+ns9DpqdfDcFeoH9dnWKeoMznfQCcqdwfcp\\abzFclcGkdh5GPJSZNvrWsu9DDESZjH1fk9PB+Oxt\\03M8znW+kU+FObmCQE9lsjE\\M4+5V+\\1Y0mU6T\\EU+N+a\\TVxzkatn+WLQWAyfEMpzRuBNf+pdAqvpvOxGqD7qn2\\iVwDJ0vL\\kUMeh7HOMU30HkiPPEnxZP5L5Ccn\\4OuomHNNP2gk5eEg7qm86vvOebvxNP4Tadt\\l8lE7lBp4cpRKbM1BctiVYbSbzrXieCE+8gUpK+K\\A8yveAJpXHH8CZ3tTPoq0Y80Yc883\\ynplE7LUbqI\\EXVrhwnOJFPrBnsi+fbo3Sql+gcihJm4H7bnY+8AMY5RYYSKZ\\67Eeswn8wPc\\wO\\KKer0rdNK8KP+z0anciCm1wfhWeHI0xvlqOtXLdFJFPxiyDHwi\\wVBz0\\t0NjbnKJ8p0RRaPCT37rdq\\o4oVO4UUZ8UjfHvCGbeZTOPJed3L4ctcWT\\uf2rvreLWrgPGX0NCB\\EpI\\WJ6HuKfCY70n84snNZlP3z86RMy9+tlGOMo\\B53Mu+gkd+nkzug8lpniiyTmm+gcsnvlzvym8+KOaRaaaxIYvQfolD+aTuH9dB7j+V46z2s99yWf4mXNfpFO9SE6B41r9JvOOxkiuIyZ+x0ID6aFPiPk+Tid1\\E8q1S6FVN6DZ6POe1HBSGHnFHzsf\\qJSHM5+22sTnhU+q8IfkWnfKX0Pl6PK8XKl23PMnNmNIxl1fxvBVT6l\\H80AnlZ6y8Gsr98+kE+s5MUMk34Wz13ssqy58Pp03y+iYt9N5kmtXTunkXkVnv38WU7pUTYfSUyV80wr3m87LcU6VY+RWod922x9Lq\\8QOqXX0kneRSd7KZ2pnvhF\\UfoROWu0DLaXzfu+YnHjWqdYw717nLvXXT2fgSd\\E06yY+kU71Fp9oQqsrHjcS\\6Twql+DAmTxqyr7ntL\\f8HxDDbLwBr\\o0GB85hbtIX1ZIH\\su3M3HaN98PNFyPMhv+hsE49dI+aXq\\v8vCFn6K2TR+H8PLfoB9JJ3kLnWbHng3QOr9CJGWQssPlFTU\\ms3bH9Qeq9Cib76dTfhudb4opMfcqQV4dU3oTneojdPZFIjS251dVVfzsdNKpVWf1nD9MePKvxZP5gAr5x2NKd+h8NKZE6+guwTkc9KVeT2gWXPxfp7PLr4NaF4XjIvgfJjxP6eTfJDyvt2a+xmt\\OCDP3g3IP0wntT2xnZD5JVvhmM+AUwGHqFXrsvyDLc+volO6X+P5or3oMp0sy94NeV6uQX5J5gArlrC0VmB+a\\YWThHgJEKbPH9Ufn4KnfJjdDK300WvnQlypcbzw+jsKkHUu3QOac+8InRZo990okPUV4RjKh+jU\\gcOvmvoVO6VAlyPK\\xHXSqp3g+TidIThWHiknCLzlj6YNXaKIOESgeOnZGfoXLfkd4GqWt22XPNnsl3zN7mq1razO2a8HQDdh0XRB0nTd0mbEV2dYNWwPKZC0uTEkX+Lhn83HMyzGv63rJx1YsxLxp85rNWDrcx9caPMAIRq3zgmxp\\FqKdYZZx4xgAbjSWtIZvia1LhW6JdXrgmmX0GZWfKUUVlHRlX44iXCCIpFqjWOgFIUBJqNSiUhFIiYiikW4arGA\\zuOW1SiIi5wAbsdidiFSFRltwR8WXEF\\8WdWonsRhXZ\\mKzWPQfjnnuy+PPKZVwmppEfrH5nh84gb0VJhztu5JfY3I+QKdm2mZZyghjLfNywVs9jeFL09TMQoAHe4VpmoVZ9BRNs4VibcqlsbY0QevFhaUVq0KDh2NTg3uKWCMgQxeCTHitWPdKCyhmJHNVMIJk8oxeM3ZpMUQoLX0VrxmltHjYQbGC\\fC6JCkVv6rrmpC6ImuO1ytJjPXaUmKlIIyyWjGrwlqXmwWp6qqSKpGsFbLYkWrHVcpKWYsWt7I4UeGUFUc4tVIillEjVWGjKBLVKooWbNTn4D8Z0gJQS1Wj\\mvoHF4My\\PH8z3\\R+mkan1IXucPPUCnplkAlGGY\\Bo55O0eL2i2ads8b9tg8sc9MyZmHDOybYP8MwVhrRuxDY9L61jqxbGtMWvBLgS4Fa813uZ7oOFtvortNfyLddTo8EjMwx7W+ppnQMTyJspVE+6UpJhh7BhXpmB0Sa9r+J1QE6Cq8Z1bVaVXHMORdcWA1JSA2nWskGJtRQBsReducxJgScRotV5zXMSISsTBfawSKTrcAmZVEWUqx25EVRLFlbrjAD+Rrp25ey+d7QBF5hcbUPexdDIMhzPf+d7r9Pp9t8i25Z7dMyVQzr2Yt02tsBlZLuMStDrYq0ZPqnUDzEzDKCvGAGtTM3uMpkm6wYO+LvmyrgUeFDe6B4YhCUVcFLYClFZlDWZBibJPYGqjKPjCimOLkfiiIGtNsixhJcQrxuJ1QvSSgBaXJEu3iIT\\QXtHa1DzqxpXQC04PqqJAmJVt1aKtAIEJQ7X+4tWOCiKgH25jixlp0Sg3DcLcbdbqACnGKHlGcH3KgK1XrHcbsNtImyFi8RoJ4q7fv892cwTPP+H7U6GEVFyYj1nW9XxUXjaa4MpwNA0eA2ArAUhtk3A0a4NWbKFmudjW5f5uoz1SAYpqesxKnytlAXTEuw1eEM62KBlDOajwoAABTNTBytBXzECL5nElgTDJmvGWq14G6SeCU+R4JYgmNKa6a0LMCYrpmB0htj8qpRAqet6VYEpalprxVb0qrC4WGTWYNgo8L9SSMXW1UKXFEESQVoqQCW7ALtzs2bpVHLVAvkZKWtrtYiiHej4tagAj9F6CBJUVKPdAmVptOvvRNDs0Xvp7HfV8r9WvefHrjqp9JvRxu2MuVfSeQNPzUiWPdPWYs3W7Fi2S7vQEsPg0ZIE\\a2ZYDvCo55sa8lO00wtXpsa7y3XGtgBkq1pWhxrJtuLbaGnWeAzwV6AdrBCQdvvTDBUd3hTi5maJxqbeEwpJEPZWiYyv0jqsrDLsgDBWieTzY7oq5W2IlpBNG+p8KVnMaVSgbj9nhRcHK8irQBvy7IUK3nixY0F8pOs4CvmGEVZWdbSsxR9RSJPXHnbRBlsIysCw3OwsypOjZac6oGq94aRshJBtsJDLHePTvV8ZM0LPIFPlen9YvWeH3igTNMa3Iw2lj9WtwvGeGYwu4VWCWtV24G\\ofGzzbI0NhUvEKNa1KWm6Z5vLMvMq5R6U8NDej7NZWEp1ovFIiqXu2Ssr0xhqRtLi6lYs1KEalFW1WSsb4x8VpcLfUME2KkycbabjT7x9I030TdL+GW92GwsrUoWvpv7+rrQRMKoxOQcL9YTf5MoC11\\0v\\wVkq1Gxqb5Y4jS7Wsxq7h5nqyiJbKUGKXkeXV7FOU5JvBor9k893QH28XrrMA1zxZ5Hm02YkTn\\0OOxz4ubrbJFHSHyRcxL26r\\0SndQ1Epj\\Tc3OKCoGfntHw94\\jE4T6Cy90Wg2csJgOx+Nwp2RZaN05k9zL3fn8zCtjOnzKJtPp3kwms3d0g3xCbUXBJPRHJ45Ctz5wtS9kZ+N\\HweTEJ\\MoLvQTDPYK\\hOHHDgCRBOPHnqZvO03wWpLM8HY3hF9edh3WVjtzUSecbRZuNsnyeTkbP38p8NIe9bUp46Ww6m2S+D4czCmbzETzslqnvzF0Hjjgbzd3pHP48+e7487E7T6f5\\Nlx0+fQ+Z6lcz8M6vyP3JkvvztjOKBnH95nPveD+WShPkLnLeFJ53sO+5z8ayU133mczarqTfQP15JQ+Nsi0zYN09Z7limbOujjuLsf\\GVwy8HF6dmW3CvtczprczrTpxM3nGbzkeO4WZr0HGfiAi9jz51mzixdLP2nMFikfjibjXzBdILcT0FwTUcpPB\\4mDtTjTHH22SUjMM8m86nY4RmCOz486k7Tsa+ZybZKBhPnGk4cVLgLfedjTv1AfEkIINnHxjKnJIr3BHgCvxNvTpM\\MBzZvU8nYd+PnNGjuuMM2c0yZ5z19Xz8XM4Cmfh1g+TUbAM5rMVXBETf+TBPV4ajqazFP4+mKTj3HJzOFLL8+GQgq0zz93AgWOc1puXy3A82Dl8qaCuWxPzFfWeeJJ5ntaStKuRS8wXTLF9\\f4P\\Qx0icv9HjhsFeDp1O3r9qZpyrG2dKeO6xlgI5r7ByyZKWIv9YeAZs8UXvrszqznzFxQrEEGImqWPWn+dDKeuiAHnenM9RygMwnDxEmRTse2QeoBxkYehul45o5H\\tR1CCmy2WwOT9q6mTsK0rE\\9TIHiJu66SR1lsIsCIPxzB8DncB0kPp+MnXGCfAUMsk8c4IwSxesOJuO5mMn3KbfFv63NJykMwEeDJ0sc7LAd92ZE8zGcxeBc0aZn3r+n36QzAMvHHnmNvCf\\HDr+gApHOQf\\\\FnoZOk4wzUgTN2oiQNnJE\\mwKd4dgN\\DwSr3YXvZJOOqVSeEtgqSNSwbWVmM+rIfoAOpv1xbFvSOzWMATJ2aQv5Vt0gk+z8P\\+N27zxNDs\\f01OM168O9\\e2Zp27J5TufCcJ\\n+SiczDagevPtxN3o2fR5PAnSSTByJ66XLXVQ0PncySdgAGRr2x1lWe6UkyBwskkOVPue70xAs6fuKM0nIIfhT1MvDPJgGoy3PmjdbKN7QQg8AfQgN+H1QBbOMzdLpm44Fy0ncLMxkJRL7tyZjabeaJ6AZgctHu5KN4DHgjkwl7uzGfzx6Hs6z+sJkOZmXuaB3QHAplPP8pyxB9eGn+UBaHgHZbgzfhrnoZqM5rMgeZqOgxDENLyRrQsH6InRW\\vaXwaWsJF4P0GReS2dBC1gUflJ6WSOaz1wmUu2WeMebM6+SuOc8k06ZW03\\3e7\\T0z9nRiXF2YALaJKaD2fyE7C6NaaxU4JqbB6KXB2JpuuBOjUJhSL2VN13gTPG+dr0rbZGRzYdr8wijLCiOZus4LlaFXZu15ZlHVZlXLBbHKyiwsQeAM3tJrvaoXvE60WI8EM+KF1LNqwaqs9Rr8\\VVsTP1UE\\TIqiNls\\3e53ZWuRA1xlrFoO8qZWExzEYH34yVGNUixFJWC9HcMasKHLYFRpMkz99FhLOi1WrFRRKrqBG7ZjfoRkWEVXYLldusouVms4nEodiPdmzEReJGjTabPrd8a1\\7y7z7gOWbiqVXSc99BzgtiD4Iz5+Tzm6hagCUo6iqg77CN81pt\\yeuBxRMKn4\\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\\qC\\4zhWXC2tTX+9Y5VIFIerCnsuuCG3ARL6otJ\\e1\\7y8hSY3u+shqkPedKs3w8+0Vu\\1vsTmoaw4HydPohjvFl4bNkeg8siVsDlH97sWzHS8RzsqdT18N\\N3QKsfBSs2uFbVjJzJT5yUwoVcc01mbJ27W2AonWA\\7A4+\\FPVvQMPKu2bk7qUvDkg3BMGxZSMZGnm8Xa80sDPCXngxNM1cxfLMtZ1XERs\\w3NIy82UZmyBDC1vSBKKVK7fAIL\\WE0CAFloNgs5zDZ2X1pbIFjG89nJm2utVzBhZUui6UTMgh9eYAiD55E8Q87NJDraaDFbELlovnOnELNYgW7WVJFmFtVqNPclKstJak5XCjiOgWxTjJGOjnbuJQJi6fQ6UfH9xmc7+m+hskpqvVu7oDikdpSiSflI6UbhzNKIAnjrQybF9mlvvJhze0OwzADDTTFOzSw+0e7h\\YDFqjNHELGXD0F5odnmYzrKRXrvzPAdXJglzL505mWG4aeZ4s9SbpOAou0t\\zBsTf+a6k5mfz5YTz8+FtfGUCm76POjNwmSWzmYTB5z92Jr5npfOF0KWZmMvz\\zJduJMnW3tTZLJeJqMU2828fOtMx3nRsEsfWc7meTwx99LLwUvxt+4U3fuOu5m5jnzRJj8Z5Z7Lrz4NsXXDsPc346c7Tbw3NQli+0g93137HjTdOwMwTFynE3t5854O3cSF5+Uwd8qA8f\\5m7TrbsZzAb5cy7uNtGOvUGn+io6adxzyLbV8o9HlOCc0\\gMAZkEN1nu56OzCSah4bG\\hxMxta7ei3MaPdMATSyDgPx70Ss0WetpAd7WADwjNrzn1lVKZHjmhVELRRqOHMeepE4aukGaun6apsHcM0bT+djJUj90R+HUz8dzr+eOR9l0inckjjueb2QtSWV3+p84eg6DMAtTJwidUcVM0yB150SfTwPfSecYaQcPPdSf\\Myfj5zR2HEy8OT9kRMwkuaMwY13fWeeTjQ3DXzYRmMAbgoXS5iB8z4PR+7zeBSOAifMpn42HjuBgxHZcJ6N2I3vhak\\dWC\\8PKp7wbTMLfS8XQ0Dcawg3CUBUHoMt4I3mHgu87S87009EAQLES1W+9NfU8lyDGiTZ\\73XrP7hFqcVJaWgCoePrpfHaCA8\\pgTZ\\Kar9wdPgbpzTMJHOXgUQhrrJwO+CmaMiL2SZ78Vj9JL+nl+nU9CCNMhc3p15YabDaayzcOKHvqcFiZPQ81k7vpdl6bNnZOl8nPnTTeokKXC2tLUkNMbuNN48T31nCQxm2SwbSKk\\8mt\\Uzmemzupn0ynjuckfq2EwXiO1DnO2J87E8cLTIsL4PEZ0OmO3DKfjecgvLNR5o6\\j5NgtHGG6nPqe8+zObA3CTeJM84dP8zy0CmDUZIORN8L\\NTx4UKYuG6YL4Ikzwp\\Goyy8fe5vwj873g9kW\\ZLEizeer3gU4\\TayoLw7J+u96AAAgAElEQVQVaj61i799BJ1txRLzQL1nE9em55wW8DaGJ3U7fh7Z2YTgqVJXpMO7EvvDp+9DpS1IukEn6GtTToA\\19QEW5AFcwlIZjYYmfTWv\\\\O8+t08to4TfMAMEMR48BJDbOJm6ZLw09AR8J5z4L5NMkcf741QKhNpyC0Qj8M\\XS+nej6KB15o6UegERLxs40cyfjzW7kh044srjxxM3HDuxo7EzG3nhhT31vBNLLy6ZB+jyd+GA1TGp4gTwA+Q3ImfD86QhlYIbx\\3A0DedPBuwNHvV9x5\\A4fnuaJSGcCUEAVDrLHdBMIIH4dsU6BwHgT+aT6w0DOdwJYxBmsI14IQhmYxnqBV8Z7McwR\\8Y7cANHYqCx66KF6k8y14Dtqs0f2wfGNoUouTacZZE5ZWpXDkp6OzEZzdEuVwpOoANlHi79ibIDcNwRTQ7JyYmhzLoOZranjKhqzt4NazJ7vX6TQ0fbLkQdJ6W325rZeLSbKrrW1iaAm31BfJZDmehkm922y9pTzcJpvhTs+DzWS5mSXLpW0ms6T2dsZyUiXGEu5ZrpfE8LZLfeLFTKKLy8FwWSeL5W65SEp7syk9bzNYDJbLbZKQwS5x\\7QqL0gm35JhMttJG\\Wp782G21n9zdOHM0\\ZTiI+geculmAtbjabPOlvJt4sSbaDJN88iUnEJbPvXjKYTJJEXQ7gOOFvhiRJZt5gst19zzffN16SJ8PdYON99\\LvyUb8Nku8bwqrDjmRE4\\6i94bU2r6jR6r98TlTZsIUidkgU6Rik\\lKxYdeI2rrrTBd0wU4ZqPhB08DelVxMu37U7TNmTTmIKIXPYKrBeWeyVo8jmP1O7+\\jvdGHF2nU5Z0wxbM2TbNrFPQ5BN8KVNW8PIPVbEy\\wsnYA7bsL9vAnP7enCLufBfe9Z4MmXmg7ONF9pfCnztib0wNTlJcHUKs3UeR4e6mm8FduFoEm2ti5KfqXxulwypWYxphZFy34Ra7OlGVcRo0RFxEVSCf41WRWapMVxwdurlc4X68Li7Aj8cctirLVkkXWxMi3LVvSoqOqCUQpSSQq3Xq3wVkFWEReLXBHpqwW3ilarWlEUteJg93qlRJw+XNBVEIYsXcO9r7IfRufD9Z40jkSLKTB+qMA5B6eIoJ3xBcLzcTq74Gab0sJMEasOnp76CspRXr7pFhmaDW6igU6RbvcETTaEHgbmn2tN75n9YFv2YvOG7ORB1Ma6EfNGbeiyZQh6LPC8Lpi8bSGDGm+UtbAy+TjuybEtMWu4R9AFAK7HCNjzVqyBWkmz47Vdwp8xFh9rBcbw+dowdY3RYrkkiNdqxcSCXlhyLMVWpej6jo3UUi9IYTAKF0ViJK4Iu6g2FjuIxIpYkVVJJK7guRa\\IgW\\LqpCt5hqVSq1TlaLhR5ZosVxC7KyFkSJiAJnl4hRHe2UShKlCHBUFqJVsYoK+48WHFCw40S4JW12nLoBHLhGp9\\PZr4CT4xQ3w0sUQrbgSiEemdw1nGdOozJk5+FTrx6OPh4ujiXAkfNIZwDjk63koSbeMpAJ8g55FFHPQ2y0xR8YLUCKnhb1+3C1m7Q2dOkWvMmW5SWWvG0tG1Nt7XYRhEq1Ii7oGuxBqjDr7Ipm4VWFIVdLD3e5jXJhN81XTfjMgazAuQlBjx1Rlsm\\Nrc+k6i82ayreV1bRtmWRYLz44Zs3JLWyuYSIrWtR7Xeg5Xw9YrlMVajbaeZbGrSNLWAL62klelxm2BfKsgnFYV+bLsrQpv661WM1JYlsQsrLpY59zKklaF6K0sfpgwMfYOgxyNh3nueavIKgDl1QZAXmH2qMpn25kViSwRwfpELvp3+9of9osa6Xmv3pNmhlpnvQl0NlPyGkuD+5k0Oxyd2rrrcNSchHp9wFI2FdL0CN+o\\gBXyJgjnaYAfGB8yUE9X9ol6Gy5sA3jBp21qc+Wuestt5tlzU68ZKKX+iTZLJaRvpjtyCQxwai0lrP1cJJ4lQffDG8iDMbuZlaV8dNE97w6mcD\\Mtnqg0ki6oPFduD6umak4yxc7obwN1vG4GbJbqlOAmU7EOo8mXgW2I7e7FsZb\\IR\\IWzHWwX37w6n0xmmyjJB7MEDMwKXm\\ipdtFMqvA1NxMRt5kImLh6WCRDybf9M339VOSg9++wd1NguXMy9PNH4mySTYJ2Kdh7vvKZrK1vk2i7Tdust1YyzwBr98BQxcg\\3PAoUukPkjnXTzVBk\\2Xr0naUVS4xGLotRkYlCMowwlP5jOxuLASBKhArOxNhhGZMEIHQ6exGYpdKz8u+Wz90AmmbL8DHSaBihfQFDoIZ0J\\ER7sQeG6IFO+2X1sRuGmZv54PImWTZ9Dmb8bDSCO1ktnftuOCrjEHze0Xg0whrk0Xzk4sNzJwxSYzAKwMWGe7MwzcHrp3vxMz9wglVcp57mB5Ns6gepF4Nb7s4yB5+\\q\\105D854Tycz5\\qNADXfDSG3Y6fx2I2nY9mzPjZnwfjeZA9p7D\\52AKTn048sej5+lons3B40+IAw9tlsEkABfccSZOCn8xmvpYRj0KlIkz88H7D\\0g4LfzeTYCXz91R\\OtNZ6HIfj\\ode8pdNs+yW3\\XRyzeW+9vOSZExqvnCNutFmYF0yzQDr5pyzKnWEWZZgpz6tAmI+t0\\pzo5JF5IF26eNdHEKgKqABSrClYoTOtEf4iW6vPr1qncbs5NCQ6cNv5qN7Py3Zxg9o3eXTq2cYZG6n+rOeOGMx643NvxgNJmnwu7ZCfP0ecmGdT6tw3Dm5H42y6dzz3t2k3Ba+1WeGY43mY+\\A5DTZ2eULnxnGeT+KJv2VrrvGWHgZc40DBIBWJlupxjxGT0JQbp1kjTdwi9eElR+YI1Hfr4ZhUrhOPAaxXgWBKE\\mQW0WHT6LZynQZj4\\sCZw+8ZyL4Fm463qVc6vp9GQJs3DvNtmG0DLJRPR4MyTLGk2f+PM9bcOVxfgTsKA7i2FsHgKUh9rEz2t2HuRGDnRa+ic\\iI+cnx8iXPnVBFjpYl1e0iTjORwMSgBT9soz9RuyvSp7bHMw\\q9KbOmLQNLtT4wIXvOyTpIpe3RskCnYLMUzqFno3C0JQPdPaO6ZQv0Bkb\\nTkZA5qQDeYOmGW6eNpNhsFizp0p2E2361HeRrmYThx3HSaz+C+KQDjB3loeKELfxyC4MrCEJ4euKnjYi9FliaV7mdZMM0C35+GLr7MNAuBYne6q4Jg68BOPIzMb0AYAzmp48M+otUUoHPtbAbi0HemvpvDy00n\\sid+okPwi90smnmOqNETH0v9Ez378koh+NxgDjHATE8Gqfw8rvIeZ6F8L5Cx2fyYIyVnSC20+lM8McOys4g850tXEkW12ejd\\e1n5aDYGBJgQ+cucQELfQhNL9O9bhI89dYWYFpotbQo+78Z84ovl9qjEy2F4myX4YMc0RPgzaDSUMTt6ZwmwLQ2ZNbOgVKpz1FGi\\S+WKL+ck48xLPC4EV18ufx1W89N1Zsk2MrT\\ZOuPKnKXfct8DuxBjiN5k4IxJHnp54Mn12Fk642S29DI\\yZzEA3nnuxO4y82Xwsxxkk2abbfAqrzFBPg4yeDxisvdzTZ1ZwPPzzYR3OMFmeeNfS\\vF5PZ1vM0MDd91527yZ8Lx\\G2y8nM386WW8\\5T5KOv0+8SfYkziZJzpKNa+XBZDZJx2AXPGXudLydzsI8UpJ8MYU\\mk2m4g724fhe6iTOeKDAJZXn+R8zfJf5t1kkAp3su\\vaz\\AcqOQFnU3InRZIdvVoFE+aSkVGSVu8jGlD8iPpbAKbYlMBT1ofjlOoih9iOEnqVme9HY03ZaSz12h2LLTTDJPanUug8gE6C03AgUlmb5kZtWF\\y8Bjtw2hjEuZMU3G0A1e0w271g3ZMs1SByestGvNsAXdNLWepgky\\JA0wdT00owXYxx5U9qFYVm8XQpaKZulYRnmyqx1QdMFvazLVbSw4iLmwfmPi35kVbolgV0TsSTimKo0a8mqq8Iy85mh6ZZW88RaS7VWLORCF2r4lbesKoJPzipX1cKKqtpiLFnI81KParVWLCkSql2kRHUFv7AVeOdlGVWEYyIcbaOWyk7h8P5FRBaVynHs\\c7h19KJCxYK55odfAyFam3qFjGg0TFZRD12SilhCNOmZz65ku7Ozulq4nARtU1EDBWeoOTRO1LQZeeEk4Wtr9KJdqdtIp0ypRNkZy8FOneP0RmDW28wmmmaizIurFjQmFI3sQHdLkrB5tdWrNmlDWffsuNY03sFCmujKE1NA1R1WTeEhRDXxdqMY92M9dq2VnysMUYsxXZsxXHcI+Y61lfmWhLsdQRorlb6iikKOBtaAZituDXDrtZRVABRCl8ya71i6kLTFlGpr6SqrmKNrC1rUSiiJS0KjUSE6FZtY6CTsaQapyfhuLnFglsRHez2VcFxKy4C2Kt1hM4GYUULrEtce1i1Fiy35NTdThyyHNcHuz8aquLDncP3HaJu+NeJ5GTaUrlGcIIap+ecptVBIik4Uw8cd6ab\\NIgyvwoOjGegDlWQmiKgG98OFGht4l4OpbmhvgUMJcpmxhREgwcOwM+u03jnS\\p7F2g07RlbWmUWrUrhdWKFL21zZdyEZulZnuJrfWw2ZzvCTpWxK9Nnq82S53pgRCzdd20dD6pNINflVgyr+m8Ots+2ThrgS8snKIg6RqRbM0SenohlZulFXHsopAAtygSax3lZrTEAVxRoeh6vLC0FTxfF5M6WiqSsWDNBbMQV7tS0RSpKGvGKiocv6CQyFO4RJEskD2rnW4pCxCFFVlEESdWrAdKidDgpsh+j\\RopSisAgLB2inJAKfUsOJux4krkFiqOsBhh+\\uaz+hk0W1\\mJyogLmJNXYmBGieWuaVlew5hjrmo7l5SfPDLtLZ1Mq1ZiejdjHxhK2MTjakV73+9aRTlCxI+CRaX12wcYSOt0U7AfoLPVYGydGb5JVorJeRAsDdbRWCgZvzScxIFkmW43ruYnB90rQ2uCD61YB3pVlGopWlLOlzi8yrLEHWg0nmG41E\\baEyqjtoypV1ampMsl6HLFmHjSQhxvhHJRFOpqzWkxF0fLlRqtFgN5NjMtYa2TuOTqoSsn\\iLStq62MMcTS68UfW3VtVjTFTgiRlGGuZUEZLOIK91za04BNi3LUkTdy+onV+fESNrtJE5J0kiVuA28M3EI4mn11wRDyixOWargPjTzUVO9t6\\9RLH3yYWZyAxNtGA8Cbsam4IfCVU6Gpxddzg5CSN9HZ1tUVW3tLqKA1EljCIAjrzUSHvsduOav+TUxuu71+1m25oWAxUY4QSLUTZNXaOxeRCkGoB6XbM3e9aMyWg+CfzcceYzJxjPcyH2RxN3OdW3z+NlNgnnrjsd5aPMwB7iyWSajfORY5fhKHdHcNPPg9DFKqYMYC6nubqcwh\\AvkZbeMo8S2FnyTQNqiSczsCfz5+3RTbPZvOpO8rGI3c2ms7m\\ng+9YN6CbvyYLfhNnPnIzd0\\hNmI9h5+Y9R4I1GcCwTDZ48mYP3PcGmeTgSePZ4vimYWQDenZvhrrgnJ52PycaHXc8cP51ncJisPp472cB1J2A9VWo3Z3Y4oNuwKfLEyXTv6Gun3np\\0JcwRSyd1GmiC6yKcI4ZphFMzCFlpIo\\z7QFLIHn0NKgy4ijGdKOAMZ0u8pyXSMUXoJC795kGhPp1DAb9LdnarzR02UbuzgCSqd5j07ZqH3PCWduEAZJGMyenXnpPaeBk\\jlALzjNJxloZP74dQznDxNZ\\k0w8LjahGCUz0dTXPHBYCm08RPp7VgOMBO\\jzzB+NnJwi9NJjO\\cAZwE1tgn3paT71IzV4CkbfZoE3cdNg5MyD2TZzRm5uuJmXTnJnPAtxcAi2\\GauEzhbfpw7oeuGvjvms2wc+hnwFgCtI0wYONNsw9TjEbjuU\\xtKnijYBsyXuDB3\\v\\gdvZeP59GW799Lvj5ItIqZq1tViKE0rPQV\\9mL52uoomsMkz0iFiSYvQMH0OwhsNOTDp9v3gGKZRfhY6GRpT4DgaTmAPVXNKE6ZVuwoAYLWNmd2uAgFVLsSa7P3773+7OEZOI7pN6zuFno0tmFfpbMfXCGa6GQce0OkvU\\9p7k5Lb+S6vhcIuxRgCSZZmvpOOPbKLMmcPHOyaerMVT0AQQf4fJv66Sibjiepn8cr25kJmvuc+0ugbRomaQDS0XW2ob\\hPWee+u5k7Pc3800Yfs+DnTtyRvC8YAIycJTldYZdI1PH3Y7gWvFRoI79NHQmQrZ1RrM8HG+dMnPz0M3dCTzFC0fTqe9l47Her2c+Eu1ss2lWe0EKhsHW98ZZFqZhEgTOc7IMvNSfhM6sBmtUERs4kUpRRQHa1Merb+9rb+Kc52q9G59BO4aod96m15n2nDdVH+TH0tlWrNDGNlTmTdd607\\MdFZo67d3Vxt8dsq9iYiYO7c1WmYcyuAUlbJtY7GnV\\ZsapJeobObrSTokyDMQUeCpMqz5XieVTsQmM7I0TfObDTf+s9OloZplhm55+LMJNDb4WhTPQNWaQDEwm95kI1G2ST\\ZoznwTR1x9NRlgbu8whgDkczf546S20LYm6cT9xwtp7Ox\\ncGY\\8IEinIyd\\DtMgyP3aw7D8PHsOZlNQ0U44z0GIpmDouh4Iy1Gegx06fg7z3BvN83Q6D2EXmZfnIF6tDMc4BWMwDIJd4o8H42oD5AdzZzoHyINRssjAWJgH4y14TuCSgZ7CtDh11rGuaKi2dZ5vjik1j6gKxqiPRtU0WlFFFBUae5caudrEuttYDfnhsrMp38SDIW0DHspJjiPUMyK0kI5t8WTaJQeH7UrC14Un9kaCH0PLQGIGvBjBaPqKTKBTNm9GlLDT2Iw3fSnRjUJLtFJnBiKj6ZvSqJQijpmFMUlHibZYrPUdGrT1otIlrVgSswoSQ9\\V69iyN4taXy91RdJXhR6RXakXq40tbTbhUlsTRdLWHL+2uE2y1GXwtTfDlZXoxRNTJEw0XPHLyHrqr5764MPE1c5eSpOpWKyK3UofrFd9ZVlZS41bL6RlslYWIuOOFwKxlmqxsoar4mmxqyplmXvWOmHLZKfvrGgZRZvNeqfom6d4sBT1wGOipL9ZRZ6\\SHYLDDNXu0arYwwcgRxS07OtpHtrlSd9QFWEk+oksm9mlFo6UTIpTR0nMkpPOvejNTvT+W10ygehKz+A6KTJVnrITe9GW0vXlv3hooN3BiIaQJ9pGlhgnJWy1pOt5O9\\\\z0CgxOu4Z58i07cc11ZwKPWK8G3MmUjWhNuVRsaYxhYgCwIlTsxeI1at7YEu9N0kM+8FhOwck0c3amZVq9HNFx3wxBqQy9M9Ox1Xtd0TytLXY7q2LR0UVEsA\\zuqBItiTHBX1Z2i12k61ZVbdZWX6kiK45ivtYNdSnodb1WalsveavQLJNIC25d8ytJZ\\SnJUY+V3HFxtWiWltSpKz5aEEWNWEFsSKRBZd7RSz4PHcVV63EaCtWZcQq3MLyIkojEblIxXQxfvI0W0N9I5VV1Tf3tXdxTsJjV9G+cYN0cSOxTaxjXyNanmh80vJ4Dq4W9cvxfEknx0ntSBLstBJpiQpDLXH4SZquZqlNJbQeHeCJSYfbeAKBsoE9Gn9PdHCQFs\\NbAX4I\\MOnaDYV0VUmLImVLrd0\\SVtKoXq1rXYn1dlppurktbqO0CINTWUo\\hy8LW+MJkbNsyC72QNd2oJV0xLE3ieZv01sYq1spVjGXGsaFFOPdDwsnGOPcAuNyJmwXb15XFTuR2FtEZEY1AuxAXw0Ul8Ra89LrUVhWvFJK1WimKXgN3lsIXhKwinlQLC464Wqy4SrcAQpHsBFGJVjqxVkRZrVYSjo6tKhzIHZFFtLB2VSmyG0XC+mMpihT4X7FRo9Wx6hulA5WdrW5\\Y197F+ekkpPpaucIRyvQRBqLwfgMtTqpiFYaPwMT7CCSfjidtEAKk0Q0Dq9gigCEKNo\\WKTEiU0sTDnqt4df2WY5xhsFdJTOnhCP6SyQSvewAXNumkgnGKK3c0UCv1rwur4MwF8QimXOg8iJlEkOorSwzXVPAKFp4mz5xBNiQevZhsxPcnc2Sexai42SX7jw8rFmeRPDy42yZwqmkUzMgdvT6izRewDbipFQzEoW2DAWx6+ihVQwBGceMSaPozsKW5HWFisxhRSTopSILjCWXq00nTA8YWKTKLECe1nDJ1KvlFqXGKuqV6sK8JVWiljDtQ2yuAJarWpBdnTBYeAYHlpx3EpU9RXHcqKlLHfFZhNFcGWo4KTTlQnpekbqPqwkqm\\va28cotPCpHaWIPWGOJBOEu0JhxdVQVs2GXeMf3LiD9LsnTfEcK1B2QTdFRrzFHEZHdTlSlN9LHULPh\\YbpW70GWNrlFaUpHZzVGa1IdofS\\mKZ1azyw0vR1lh+jCZS6Rdbkcz1xwHLxJ5m0njlcX+WjqjZdelnjO02Q8qTxvOssCe5Bl7nYxneXgoPtTc5O5iZsl+WQKzlTpTbaBY1ZZRnLXnRvYzonjZFfT3Bvnu+9eDq42uCLWmsdIGlyUdKkruAmnhy6xse\\qP1sRm3lZtvvQeu3dGnC40BZmOTmKB\\0OV\\ywT2t8sQCDo0HPISW0367u2rnrD\\lFzT2DblnXw2rJlErSNTywTbpaxQNg2yp4kTBH5\\wHyk7l0LhMTU2pCy9w1GlrvLYL1aZYiYwrY96dyK0tn49m0Gn76V+glkuk05N5MzaNIzqp61jIzjh00tBPg6mTOmGge0EQjtI0SPORn4bT0cbBgNLYno1G2DPuO9Px1HFtLx1lgT+Fu54dp87hqamWjwKMUaZ14mR+APv0nSAYOZMMfvhBQlirJ0i0q4+jtYPUlmEubodu1QfoJMqtRV2VZsm3buk3dIfUxtoX+43Iw2L2fqvb1Zdu+y06+\\uaeFyG74Xk5NoUED0Agl2XVDZxjX3XpS6\\ms2TkYfUGeoUdhNDALODTkpqKN3PHrvg6BO2mfOFYN6opCtibRE08zufJ4J2mEEHfOru33\\\\7dlyGXe5JxxATytHZc0Ia4yvj4PxIvf9INDzsRfMgb9R+gy8LsOlM1067kyY5dksDRdukE1BepaTcDR1J06aTtKJU7qjPHHK6SilQ5ONpTNOR37pzKNslM8mrpPPtuNksWB3AkObISWBIJ0gTprlCV+sUng9ZkzxfPV67S2dHIWzzzbCFL2hRqsP96an+rqgUhf97OMIOlkQjhOXYtdo2+QBWY6RWDoGkcpSGk+SftDGnMWRONIJBIka40TisH2EJ01U\\nyCyYntOeSYe5V0gm0LhjcGCTjTS1xbcF\\\\Gfc0frlZCmtbo35S5xBhkQIjrI1pGGR0+EsahCDhKm+EM1\\GTuqHTuZsfD\\MBlPX1yd5NsFxBVOgM5sabjhy3C08yQu9VJilfuDIs8DJwpEbVIkzSkdhCnfCkyY46jWfZLPtTlyBiYOmmIB+EtDZrZ7JX8Tz+nrt0iPrtSvnK2biD0oki2k6Fm9TrQz3tJD2XxtTakPwTT0nz\\BHcNKaic53pzwSpm2+5VT2KJ0pff0accd2p4I1UvuiKBpHoKnMZiyeKO4vJOZSqT\\iqd6Le+pWaeiyyctCbPdMQ98rfNO2a1nG9V16pdwT9u46DRkrRNc2rlclibfEGuJJ7tWS5ybf3cRzF9\\zTaIn7iRRlstZb7dZbpJFPtkky2QxE3b5JFkOl4lHPJJoy42XJ6YymymzbTXbkYGXe4nrKe5s09fzydNyyCYDb8GuFMAS2GTQHERcmGvb9brYYzrJa+hsFLvamJ20FXM4aL4PaMHw3m9\\HZ1NkqjJEB3GJx3UOr2Lp7WcBNVGY9Q0nWTMj5WdLY0sOQhGXsJaUzRDGKwMaCpSr9VCM3QuSDM96taEWQ3XX63X2hpuxL1CPvj0Nq\\JPLjdhmbqa7NdgUOQqGpXpEIzDI3Y3IrXzNKqGE2wC32xWljrXgV\\1ExdAM9dL0tD0OS4lGW4CkQ55m3GlMFFN+EnOPi6bdsx7Ewry1g3eth1rJUrq+hJOLTWLExN4Cu0AeEt8qAw0AgDWFjpMTrJFdX++HrtYqPWWXaPp8jBLXTbh63BOezwVB\\va+83PZh9pq2E784izbAwB1hxXDDco9BHMLzEsayo\\Gg6aaHxyXAc0hTF00podORBGzTzdK7tBqwWsNlZ5qZXhEMUTVnXZSAQYDnMjTeBDVD0umFYgmEUlE5cHIJHROGSsCrCxJak2CB3LSKte6ZZa6sd4NqzC8E2FoJelzowammFVsdxrPdKocfYZqEJUmkXvG3KGvypLQm8rsT2wi4soSgts4yq\\oIjRK+JoddrSyKVxWGFAbxfDP0KPOB5XXYyD9L54HrtFE6gjN3XfoCB2ccEkchiIH4fWWrw7D\\a197cUrmm2PgwwZp6PxKzH\\bCtv4QvSY5srdKf4heP7I7G0l5GI5Do0eYH6Al+50bT674qLTyjyd02Y1bcU9DF8xY0Axg0dTBAdpXiZQ21rQLWq2DFBVMmcJJmmHfPJxmbk2KtUJWayleR4xgFLwem2VFFKuGPRo8H8eCqeOawrwO0hPXcjP5GNfLZHSj1HHMrMDbtW3hAoaCWepxAU+LdRNojNioYHhdK+JStyxuXYoLBSQKfoGJJtD8ROcWvZnOa+u10y9xjyfIiD6NwHMthc1\\FvygNk3UpIyGXQXdY33t\\a4Bs23T6OIyapuT3k\\eVmiiWmx622gtkKhIt+zrz6WztTdoRRIC2lR3dJO3m3jK46EEDPW+dg2tswW1uu\\oqzfTmWSGnlq4kIlEdSSd7EAdJzhUXri2PtyFjTbfd7\\wPApGhXKCDo8AxgyIDfBoG4cdYeRfOkKN5X3utTdu5bnheabZlQOf5ESzi03IUyE0eiRSaYqYDlpDs2FUpVE9VqVS9XVrHMAtjPh1PURMOyWY4\\YVPTQqI+wZEnwAACAASURBVB1ax6SfYOsWU+BEWubR2ZmtrUwvJO4VdX3dcm\\vA5SiA8eFsXiAhkaVSFszQ5qxOAcCqWf\\GjqFhlDcL69gmB2zIgTZRHokeAg\\AKSTb7aH6JReSeex3dmpdhAJqMUx+t\\m1ems4s4bokTS2HxfVV\\ROdzMpUE4jycrYDcb255h0sDJ7SkVFemnoRNlJKUS33qTvGzFOXmlVcwo7Vjyd+HZfIbYKo\\+JU7yowITgKXyjuHlR7YH6JREsB0E0BRoZzJAC4MPwMbRufgP03ndaycPee3KXqdjkFOh4U6Vw8XzBkM0ONk2Ydk0a7eMvoJOVPXS0TpFbaVPV9UDdnW7ZEE3o\\UHekIvCjpbUcHQcBftFdh7dYqovm5Qo4KjIXlZfsMymZ1OR00OIqzXdGTxdNYPHVhOSK\\JbfbejOcRnTyPCylSMY2rqIPqaOEEmUl1CX8dz4+mE7NwHK35QEpVjH6wXBNWAoNz2MZ2xNP58Y\\RSTuNsAS3J5x2PqDCaPvExKaat3M5sPLnc4d8vIJOOJzOV6flBs1yGu2jHA5zevgoMbCEePbessTwXnRK1OJs1nxqRi+ih4TyUz7R473eW+lEMcoDKZRGjFmh8IIrYs8j7Y++SucjAc9X4dnYmTjeGGsvKJtc009EBxWLYttfdILmg3Znv1sgkznNPbNk7ws1A7v2GUuuq0b6CejEi6UJyNL8v9q0r+9ncYuvGRGOe+HgA+GFNyzP3sIJnxKqXYSU8I2cRJ2kHNubp20db6CT6vVGcgKnEtJBWq1Ov+Mk1dYpusPna+kkrU+ktA57e4ulcaQ2ktRv0+3oANHokdgNJ2TZG7O+Xq7XrnZ962jAMMxRwIXQco9u1sdJRoiWzJGfgk6mLT5thCgtgW799gZRPE2vgR3r6NWheG\\c7FU2UWDy3VJkjaxEz6dxjITOpT+Ufrae0TmY9+mkUpN+0XwlNTr5PZ2ScrA7P4bOk2Q7OfOLRJZalSpm0FG9NwkjKkcHw2HbmvkAnv2LUxfYfQ+RdBS6xOpjpvV8RfEYz9ed88+ms5mWRGs7sWKKhrr2b0ZRXrtsDLa5q0R4k\\BkSJseIodYEdCBeOKQ0CsWZ+\\VdLZs4n+0GpROtXe6HT+OT6BTOaKTHAXkcfF0kWOpc06r16iix5nHwyZ61E51Zdtb7HmB\\AU6h\\uIEumdjYhvquJJly1ixT7thJCYrqZOke6ZLV+cyaQXUTcR7311KYTAZ6IcEpq3Rifua+7oF1W2wKikULcIbwtNfFNAqazwXffnSeX8a01Pnj\\6BdmUBAlRaehs\\p9ut9z2R\\CUjiLyR5Yn4QidxI7RyGbJPFo1R0Vnn1aBqMO21e0gOk8k6JW+9qGqUuGJPhV46y9nJXXZIY42a7StjYz0k22dFYJFRirHtB2X7PtisYSI4GjSYvlWFV+F8+RRdCFx8I2Ah4VhIzT8EFgZYyGkicO\\pFN+B500yMngT6CTSPyn0nnsF+0hpVmhvkobd1ALUxOUekY0a0m9ouExnax4Y9XMfQOHuheenNB7AWd75IRtlyxgf5og0sVMZhOA55uylSY++y7Jrgxpuec5f5folPeSk1EkVN5NVI5vTSXSLg1BjQ\\CPxhNuu0Y7emkjYfoF2HWCIs\\WsfoLp1HeD6s2k\\cIrLPZja5S6rKKZ00XdTco9IpC7gAAXtkd4qXFya8OFAJl+GTBf5iILFZGI1phger7TpUP6XspC0kTDOEm66DSN5HJ9iexwu73p2zxDBys7oTCDJGaoSogDIHZWgT9myc+A+hc79hrgglM0P9IEDlouR8q\\C86bTTCCt2xYCHjFOk2cZKVDtTkwbj+21evaPz3C26F1PCEYj44V6is6lJ6xZ72Y8t+AnppGqN2VdL04jCe+Ak6BoNVXI3rtRq\\iZtKcuYvADB1mMaOuk4ehnNd7qkB08t0AvqXHgznQin3OAIH4LCMVfo5N+p2s8dJLwSAIkhzpxDqYkuO1XkWGyMtW7U5ES\\iD56nc4bVZ7IunRUz3ly2jEz2J3kNqwkkp9Vs+8z7k12XX3vWjRMMySE0nSXTsBOalx8fHUksckNYSaDpoj4BkqBadNEH0Zna4E20pM0dAqvpfOt+SLgr0\\dIk6ldUn0J2pytDSpVqbF8Z0vdI\\O84lKNM5JJSdzwUxjqOd5OFDuJ6aznfbE7PF8Z7yLaWfYoGK5Syeo7KbqCHzLJsEu0+gmdYlo\\cfNrFDvHXTKDaCN9MQyZ56\\otsvBJKu0UnuhTxbf11FX4i0nFJDU22myKjUFervo5xNNOmeaqfW5gmdbT3n1SGb+8NvytEU6SeXnfQGD\\YyYZj3LPVB6z2xzZ27XbDUSE5J2Yfu0fKUGscI3Xca3qditWlG7gJQH0UnDb43oU+GFxhqdgKId+nkT+g8r5Anj9CpsEAPacqTFFoVx3I49EcFr70tB+HEl9vjdPZVhWkXEn5xts9WcmG6KRs\\LZ2fUJiniM2SI3ueLuLJK4eSUKyEp0FxyqYsNKJTkN+8UQEpX3faT0A9bPfw5E9LQV7R196miYiiYjXSUSIT+GQV\\OIopM0QkAvS85LXzr7wjHBv\\JU456+zfSqdRBEbz10+iry\\rPmQhLNMpiS12UvqURKJfyedwiPbh9Ap3aFT2YtOWtCw798gYqPb+yw68mBxtsO9rghP8Z7XDt9ESX5kEeH\\VTrpyWEHuJ7YpaSRfChIOrpbpjjiqpv4yZImqckI76JTeD2d\\AN0PtTXfu4NNdX9Cl62jehscpldbScAy\\bpCBA63uvVdO41O+0\\POpb\\03nxVQZ21Rv9c47ieV9egjwPISWuvZALBwCS7Ant+t0fT6dwmvovDwU5K7XTuGkq\\jRXNChGISihZ0\\XB8nySqc2B8+Sierno1Uon1F3MtVsn7T+TKBz9LZKOd0tkqep+6i1A0R4ZvgO6YsgQa+VfXvgPNRPPnXCs\\X9bWfeUao1hEkkUY+cc00uN2kjNh+HxfAxjyRKp65RewLv0h9EfFsFyRkFf7Cahq\\6TzbM8NwaP639XRndILX03i\\pPmVIW27Bi1Qaouc0ATtfQKeJ6UgH0wnua3bcbngJvLeoNpo+SbNLjYDlfZjF06E5r0a5I5Otcv+SgzD\\Kbz1u7x41ca10g+7x8iAv0UabgdnaC2ZI5puop6p9WcH00nf5dO5o143qQT4cSxfpgeohYn\\dnYnrQaBExRcT+25jV0NiEldIjarhdGkn777NfNTqaVnnTw2cvkOkGVD4q8sTMb90imRXPk4Mj\\xHRKD9B5jif45NTipJ1stDCpLzb2J9qcQxEL5kXuYdl5OnWBis4mfcl8yYpCv7TsbCtCVBx91jtU1NExdTzNCnVV22TPZpsy2idBH4XwBp7yzb72615RM9jrVb2Z9\\rapQZO0ghNqtRbtx3j87Tt7WwqXbNxe7tTPLc7WeqrU9qHLNt46\\wv7xF9EZ10Te++qvBngU6mabfsHHVGOAp6trB+FJ1XO4fv4\\laOu\\0tTczpamKb\\CkcaXWd6eOOvdiJt2ZV3QrXYTKnfz6cc6vlJ0UzyHt5TgaPotuSVfXSaTG0JQ7Xc43Zcg\\F50fUQmi0JXJqBSlkc1DWEmhNUtUlB4D+kgyk1X3CaM+nfHLS9JvOl8RWELPnQhd3LN3vOhrNyX6uJwJw0hHKabPsTzfTeeb+tr37UUsrRBmuX3zG6BLm4ru0XlZeDYanm1szt90Piw4pWbyBCh3ofdisDyG26VmmsJxrF4QDi2dj0L47oj8q+l8qK1dujSxBoOcKq04pnjua+qagJJyWbW\\jHgeLUxInSPxMBP+N52P4klrYPp0gbGzjCaNymFYqZnpddbS8SqvXfgEPJmHY0oP09n0ZjaZTAwiNen2NqcpnvlEVyxP8ZxORB09LP5qPedvOi\\u\\jBKGQRF6xrtlTudkyR30TnhQhdS87S7aPY+hE7hGp3Me4aCvFTtSrP80yES33nth+U32pD8PTpPVnUV28nGP8OQmV8lGt9RioGlbsHXLhxP2l6MXqvbu\\mI3eodXU7pPp29K3QKdL2jN9ApCC\\pfHdfe+MQiexQbCLzbRJT6UZ5NtWeyn5It3g5pnSJTpCjEm1CYb44Xvirxzs785MD6ck13k7nq3faXKbzDZgbbe8n82kEiuxLnX9GqHAqOl9IUf4ynUc\\L6v2C4sbHAF6oRx5v9ZP4w6pjXpXOAkzFaqo7GOe+1U3DgsctGxyl\\yi42wRx7dxzvcp9Z9izMLX08m0nXB7z73pE+rq3Sme14aDXfSAaLD0+HHh8pylI0BP1XyL4PUcu9CVy3Vg8mcFdPvTebNC\\kh8omeOfbpdnSd2BffZ83ndnHI0qPsgOq977WAhiIz8+iD8a5y7\\3LZCV9if9AnwnmNZ6PM0TF6RHYe2ZrCofz9NbVynczc63DhRJ3fqEK+fDZfcVYbKqWTeqW+SLj9JLpGYCo3I0ov5ymx1FuXL\\S2vY465n9Ys8OXOGxHLJ3OqsFvp0Xy16ns7W3Mw+O9C885\\nnLzrxd23mqxq+Bup+uccf07CbWHNx0XMSAvbI+jHh1exHuxA4E4UaN\\mtk5\\+eZt83y4uYrNtrve4G086WuvSJneYJG0JoL+VB0R6jctl7uZJAv3Z2rgnLC0tFXliY6Oj+F\\WdL9abRAkqHRY7uNpjTG5uOA7gv8RR\\yF0tskVlJ7D\\ZoQXXNr08jdltqwt7bWU1BV9liW7JesON2IcmjlOR5hdMrRGWqHS+mQDjp+7MIlcKDxjh3XPEF6kW86ihScFJ6+VAmnOuVsnnkb6GQe3n5ml+hrDY32VOCyEv39NPO287odSdU\\rOd8up3ySZeVpUsEHlF5EsE+ny18LtVOJdgZpUfezkvb7cJ6hPzp8sOXzFZJ6mT8ScxKYJpg1Yu\\Yw5PuYrqwaI5dAu+T3bQUUU\\E5\\M178MadY\\aRHijsUcp9zbOk0nSezTn932V7P9cdj+cdj+ebL93+n2\\65sZ0\\7v+Nd\\ON4O3rN9ij2R\\Xnt8P2fb89PeFXsw3222GZ6m6mB3s8AaRdGfvS9dZsHG1YUpSHFju8sB2UkEKk\\0nZ+VHOFdYvwc2nP\\7xx0sEL4D3r6Pt\\3vjdryPSwxfQvcY2gvAHhG7x\\UI2aNV1fvqC6PnLMq01xg3sqC3PKvjziSO\\KbzrRvBYecCJzHfTyTkDThP8XwloP+6jOUJnTel6hmbx3xeQvNIng5P+dyTeWZp79d2f0hGXpObe+qx2Y787\\nsH5i4x6XpnhDOE0V9Rs6\\\\vUOKO+LzSPBeUNu\\nFFbr4QmkdIdoZ3C+Lejj724l6EIs4zscIrt86OxYRJn\\tp6PjV6KRqXeEBzr\\+cdWE\\NcHofmvf91F84jOF6boqRl6B8y9nGylpHhkaR48uitU3ig\\uD+e8iQGIDMidt79JGD8chEynOxJUK3\\8453868L21ugPNfoN7i8huZ1U\\NEjXdKnD2j8yTgcMrnozLxQhpXuByqEhgO19KSGOY3nW85YlDr4J7\\4\\9uOeD\\urK9FsxzNi958Zcc+CM2r7tBg3M291KToqlcUucXNPft0q0j2fhyet\\RshKd7OzJEktdo990vsFnJ1Jnc\\7zXnDoX+\\b\\t89VX6C5llg6aWxeabRr6C5x\\NUrZ+Ym2elABfXa3qA3GsGgCCJ\\Z9k0uwv57O3kvOflJK7fP6\\91L5Ivh5U2b+dQfNp4safXjwyQ\\++LG1+YLLk9K\\1xB4SXSe5aBwiCpODP\\tFb3+aJkWzguR9evR9bdBeUtmXrU0bwjNSw56a20eXPQOTeUkz3rFQ296S1\\fyXLHdYK7sJNZ6uaR\\jgTlPlVsCRNlhrg\\Ouvf+yjm\\98kM\\Xbv\\3SLLoRZ7oVpbo6RKbx7HMQxSz1ecv0oxXwkWvbwO859jLMkhPVfmt2V93mAwZ\\PXHX\\+4lZt8H6EXdnYlh3ktg3k5qvn9stBUj1U6d4zmAc4TZ+iSl\\7ehuqLA9MlFUvJfmv2x1OY4BI9\\fnHX38AJnfwfDWj\\3cbyztk\\vmI0BycC82j3OSxF6S8CG52dN4OGn0InYcm7Z9Cev4idOJKXwzPDf786wWcNwntOO1o\\b9HtutYXhCZN9X59\\MM5YmpeVTpcSG0ydxR6J8iOvcTMKhr9MPjnswvJDrJ4Ntff\\4BuFzA8y6hr6bynMsL5UiXyLxQ2jG45gadBo\\Ipaj7aeToFXAKr6FTfomn3GNAuSvkh+L569idjDL49ueftPLjnxdK496O6aVd\\OMamX\\dEpkvhebgMpnqMZncWbayY\\N0QqPwWjqFN9HZ4YmzWIg6\\MFxz1\\F7gQDfYiS8xSaf97ZTgi8RuJ1Jk\\k5QWJeacgbnDC5t4\\P0WTO7Y1j+jkz1rrr7XvXROTb6WzMT2btfVIf8j+0II65iN07hcIzkZy\\vWPS9s\\37f94w6U90Tm98uFmhdl5gHNoxL+8x6Si7VHrzU6BfmReea3C0QEBtdKbNZ5lQ5dVxL5yensViD+\\9l7E8ZE0S3x+2GXRUlBNdxwGVYHLkIBKu6vpuf7f6n3nAc0rolJZame\\9DplBq3xB9nX75iDBN9HUZ9RDh\\\\Pjr1vG7RF4F89clljfrOq7VvO\\hPK4dPlHo18JHV2o83uWw\\x6ddOAAThHnpIshyuTPp\\NZcJJP3NxBm10Ioz8+\\Px1pS\\jg47bwvLXdSpvFbdfa8ZQT0uHz4TmWe3R9VKPL3HYr3jvMhF1\\XxF4dc1HpHfedhBfH7uXhn4BnA+\\DzB56+\\PoLSHy9geZPLx8fryrzfv1oQd5ymPPeCroQ2yVvqhz+Pzv0CKQY994MY+s31qV9IJxog7bbXT90rwxCe0R4fEc5fP24d98J4jcdLLG+p8QObDycpoFsdF9oVH+hayeaV2qO31rR\\WBLzZEBlq9zR9jzICYK76v4BXhFdOS8q0ifTiYUf2oDq9V+36Xzv8evs+Pkal\\TAi9dE5kkv0ImlyXHX9fmbQptfTGdXFCooahv3bN8snQJF\\ng6sfMX\\vDKZ2+VIYo6eHz8+UzQhyP5onF5RZfTWyiWx2T2L7X5RVDzvPZIOswyuSjZ\\G06e7+l2Q81ybifh8W1dO26BgUb5JQ\\XXaChEc2cTXZZ9ohqEpYUKC0Z\\3nKaJ3cPrrJSKvyErsmnyRTOxGx5s6Ok8k5pHIPDM0bwnNy\\EMfxCd8jOmkrbPudPP\\OtioORd9iZOMsZ9uAwKT4aQzwMU1LreHzycTFX43ePn5fFw7bgSXx+0XOItx1yetlKeGZrX2bw+4Um401cXDqP33u0Pvd4Ud8AUDH9dV3gJlCUuBtFE7rO94ffLTiRR4dqpEa1uJ5+4SFsE9fl4QtJ7cLyK5B1UnkaLDlhijXtf189bzk9nPV0D86Ll9710CvInu+yna8rpBHER3Qww6Khu\\xLf\\V10MgpodKb1ixDPz3ibnY8o6gN0iT72eHi4h8rLER0USqASLg2QTlU9T0+y4oWheZZBl87WvPPvpFP4KjrbXg4Ffmm9\\cxxnLjItBWNfxqdiCS3h1MieCJxnybhGVZHZfrz4dOIvIrlYHA5n0Pv0wBSF8ps8VS10xrNMzvzijY\\hvPKTo+7o\\BfRWe3mwdNT6SzFUMK\\cz\\QNlJY5zwGTD7UDzS+Ql1LK19i9ul9Mdjjj6Cxduy8lJeHjvlLZAqVeXtFe1kMN7ZBLzLKYzXRtTyL9P5mvH56XD22hnTPIgkTWeZdjsFe9Dtf5pX1K7SO0wEFKkPp3wKnbjwVB08fPDxKpNnMczW99mz2Q3dQlaBTvFoStwVQ\\O6Rn9tD\\yLi+S\\WnLSO\\FEkQSZ0fsabe0SNTRhmD+PTjqSXzlMuEQbhBM1lvuMejwwv1Vt8JlMXlJ5Dube9aFSlG6Xblf+tT9UL7ls4ZSueuf3wcmfS8tvpbMbWyvxwKio98Fb5xlWw0g39+f57BzNFDxn2RnwiUDQix9eTUc9LpCcbXTx43A860O7jeVRGBMlJzUyDyMRNBzfDPfQznT5\\n\\pMhP0z6SzY5NQDc+L8GsrhGFZBoWn8u12JzlZzQQeeiclCTrrCoo3MDpBeIofXB6A5i3HopN8maZp2TsweMniw+NDl27E+QYI4nXt3X49glykXjh6PvAF2LG0WlhnwcgUdU3DO+g4OpBVd326Zlrsq2gS9\\VEYTiFGXPMillJIDPX4DPwKXqMCuoXbIcy16nEr1NwgNapw6SEGKUA13hBEmiWCEPnhJRe5RnrXiXxKe+RHrLH8zKRzdQwDSG114IBF0vBNGxPSA2D2Knh8V5lwxUv9QQh7dl8zxN6PG+DH3PHTtGLrXr08J7zRPTn3aZIutZM4Kjjjp85gwrzOYtNvlN2tqPIaRxW6WadK3TmowZyU1HQ9uQ+NnsJ0gd0Zv\\x\\QfF8qHN7nRgHkUuHymZKl7WB\\09l\\itHRKuAaG4LB0u6ShHWVZlMQqt6QN0XtW+LtJl6HS7eruTAEfe4kzmFVzilYUN4hPEDiPwirDgBbJYEGZBbGlBBEMCcQifuUAEAgRKICpTzzNM2SPEkxAwkwdieQ\\Y9bzKFOzUkYVFzzZ6tlwJ8A\\AWwG0wKhtpyvD5i3BMoHzFPc\\CXcsFvVk2bavSE9hP2+p45NukeK7a7LEwV8MTlcw7lpvg3yGRfcmOqmNidIAw7Di\\h1xdO4ubsqB79rRDz6o4BgXSumD3wBzPxamU+IPnaxs\\wMwH1uPXKXB9f4AFTUwB4ISv1RdXbLaJklEcFR1EK2apsB5CN\\gB+oS8VRFoJfVd2MR5Kc0l8h6jqIT19eBEBUYgp4iSVNxYS+URcXx\\EKSJYcxrLFkVpLQrupaCFTWVQueqUxSAZeVQSqboHK3BWLLqeSkvODZgi2vJRuFrSlX\\CI1bJOXHUFeyL3UqSzBWMgmb8seL3tSz\\PuUuv2lTkL+wU9vcM6PmVPJ+4yJYBnX6XpzPYzJ9+q2Y+vgLtOqz7wdpGl+8q6HQM0rEQ+MmWkcJz6+Hg3nqc6m\\LZb5X3waYctEGhQRslytT+YKlr+K2\\RHHZ10Cf7zQWRyCoqsgtE20HzimqB+oAKWBww9V+wiZYtAMcayBb2d2Y4eG9Ouuxk5hjRzL5MQEmGQa+gRbfpRg1Sk0HbrKlMchCR0p5E+QjEXhJRkB5m5eQULsH4hQkorEGQSn10ALtEZCHqKhBlPKpZ9seqnBQ5HLKV+naIzKAKHk92YInAZIwNMn3eJl\\XXjCy\\Vs+1b0XT5UKQkSrjKVO1JJj4G\\W1+jHzrq9k+vn7zrxwQXlLVhWKaLJCl06TpHl41z4gcXroA51z\\h7V6Pe29SYv6TKnCNXu7rVIXT9R5oWVI1vlRBTaE6b5PkesLBHRRN48AX10U12WmKqmFaDB7BaorCKozOJusVw2kaI2mg0AHTFRhhwmolkVXJMzYvgnSDvwSfSniLwiteuk4JUzJrZVWWvJc6gGtaotLne4LireHnHuOVJDVLwVuXXpmmaxN4Tj386hEqZe1UAJvTkw2Qo7LnlSWqd8\\u8aXQM8DuBEi90ktTmfRQ2b9ud\\bafrkrmv1kyS6hqp3iSemEtyxpoHjaJd6syH20M\\x2Oql5zwGHVLez7XQ0kUVZyWldXIEqfeYD3w5mMN9x9Pdwopf9XEQEkOo0Bam3dW7gzvRRRCYgBBNdBRlJ5\\n34Q9Oy4tUjUkUR9QYeAAodDBDdU7VlYRl9bmyWs37Gpw+BHhNdNZZmGaiCCm3tueMaJtMRRzQ72VZcry1EMqVvSoF4hhEsiu4VbadyijBIzJNnrMBWFDt9qqyy7VBwHysqlLy+MpWQK8LwDAobFTZYJ\\alekZjry2S3CKDEF2SoMv5cpIjR5vmD3HsIls8CCOQSS+pxfzyCmS6Q9Qkcud5UnDBpKEZi0DPmL74X9+vp3ccxd6nihteLPbYoUwMiBEukpUapN+YMqI0fc+9ZvxRC5\\FuhmA5AaWpN9QPPHdqeq\\R1YkODngDXZV3fFYKM8NNp8o431vjL\\uQ13iZO0X6yZhBsx0RI1ceAAdgFZFnRHP4Srm+1cWqfjtSCNOXFXNJkhZ01lLuF\\pdjYZgVCDOSoFTaTbCzR\\UOytDCzrbWwJqEFeh6c8ezBlIm9AJ0t2BU45tVuUo3DyrQrz6qQMvSsU8vcLiyLr8xJWGVNY5iTcbWWLWsR2pVs97JF1SSppYdWJYM7b1pjeDrQ96\\77ODfXxGeKH\\b6iVqZVIni0iHMh8UuBKLfw2FdJ\\5d9NJ40Zc+x4Ucb+bgW60Eg\\OENNlDz7EJyJE679MZ79\\PVA50Kn7\\Vc872+L7Od28lc2+bH9kQFC2x\\9sMjCLNzCsUyyIg6bbZFnwfJxy+5+bSf5\\yyTSbEMt+F2GTZ6HII9ihfxK3v8Kwv\\Wg6KcAaPb9zBZrP8tRn3C31QuEU4mWTNptkUy21WLH9l\\GS7M3fbZZBP\\ie0FuZjuJhMqsz3TTOMimxbmebPcLld7rTddp5ts9DMJot+EVmhO28yZRKGS\\ipuQ3Nh7653WwfrC08c+ZPJ8kkzoTlMgxDd7FYLjI3tEbZNgxHoZVN4HWWv8aCh4bpq5IzZbjLtaS9taLwHpWqGIGX97vJ6arFdukY7rNTQKMwLZ6fWj75Ap3716Tl0G1xCq5sQuGJdZ0UUA3PoQ80i9tdegLD9q8dXYyy3+8S4IPLu9DwT3\\TRPPHmes\\jdxZ5M5ms9ypo1nsu3EdFRFcn22T2p3Vruvnrhu5EdvMRnnk6suh68\\cmZvHbjTbamI2hAe5U3dYx8PAHU7xZn82i2bDsJ7OQicaTn13NvVnce4Ph8EoGsbDkRsX7tPW8OM4r2t34pWhOypcNxjOfHPiPsGTBELjunk9yvwRPi08euhOIzdOtzN\\6OazWRyN4lHuxvnTJK3h5QM3jvLhGlMApwAAIABJREFUbOTDj\\1wOoJHzMxslE1nD9YoiIbBLA5idzobwW+06NmpfQtKywBpDLKay5\\+\\vvvWWGCpyUIZs82e6mxmc7g1qe4qXqpwzil5xmdFIWPX5YJHQcBPjzYnjood\\5LJhm8dDNuCAf3nLTaXdmXzDHoHdH1OMzH0bmv4OGl63D29873YNC\\faBC3xSRU0R9d\\jzKYrd7TConWlcb4exm\\tNPCr8aaDEme8+BnHsb9y470xmUZ77C23qxvFkBAxFUZSJydY3\\AaQCf0IWPdnURLWwLgfjcKpXzgMcOI7cNcidCPfhWebb4b+49TN8m01G8a1P53OKyaLh747coNwaudh4QYb3xy5w9E0AmkI0IZR4wbzJ3\\sG8vRMIqjxp8M\\U00WzbD3PD8fFLHE6seFiGcAaYPTPtFkI8MpDOaW1ExndVBNqsFdxQ++ZElpD3jJp1lbww8Tp7+0x6zzPAMq7INw7GKv\\9zuJVRMNwvYxhBpnRKAmh4msYCUDs8yafPNHiFToXFgDO1gVvVzbRx2E6NM8wHVqq0dPLwq\\dv4jdoiywHt8hs04+brbsN3DqOHma5H\\8FQs2pR3EdgziL4dMv\\DqYR3k8rKN4BEInWkrNyPXr4SacjeI4HG0jkGxxk\\E\\h7U78uNR6IPsdUESBlE0GgVBBDK3LnrLmQ9ybeZHUT0a+cM4HhZAcVZHtVsY8bSe+nk0GQiP8LpR7o+mvlWMRtEo963cn+bTKIdb8Wwo4ihwR0FcAcfTaY10RgG8YT8KbNOfhvVomrvDKBoO4U7w0n6R57G5HILABs0OcnYaoQCN\\CwOctkjvfKmvekJniOHBw7\\M5vb4PuDayVMu1vwZ0+ZwKSewcMnL+yTmd2CchyB0+vhqmiW+eRY\\IvP3AlMDjxHBk1PZW+Egm7X9iUq5GMrVeBUJexLkrFLbu5hPGuf6A7xATiZxttimcO3MNhuk20+qzM\\CkG1F9tJs52HUf0Y+eGkGP5sslUW55OwDh3QxUG\\GUzyeFLkNcPUowd\\NGiyLYg4kGDNcFsUtd\\Piyj4FTJi4DeTaNoEszz8UUSTZjJsima5nfhP2zQcFSG80rRebHx\\509BoG+N+RRIj1Rr4+fhJBg1RfQTXi0M82g5iYqe4sP3MNvq21G8nY+mywnvbSdgmdZ5A\\dptvikUd5k8GaXdgCvuLWaSZ1v\\ek8GGaNFfzPBGTebc1upHJpmyg5\\x5GMwRxKKQgJG2roWTG\\oiK1XgBAnitMEJregq0NkkSulg9OvScqrZ4Mt9ldyrok3eBTlEhPE7loN1urbPGSB9Y\\IFPR3gsNdD35uNV4dm29XRVwBdk0jSkLuoJxzqJyK6ScZJoS3jHu4cgAfccxH4irZfOSkyYMfxQFJ2x47DJbrFYJwuwVZxy4awTjTMSZx7qG3EF9tfaWFdjhz6V41RSajjl3Bo7fCqZaUV6grFtbIkHV9yrHCPlV\\Y2jnaSUwkLvufsQkOyqoVpVV5VpZVhLzyjLDH741RWBSZfZS9MTKJXVi8tLXDWZWshC8GSkawFb0meJMhCtVg5zpqsVoYt8IZn2UJlrQ3LtCzPGFsGA0++AIvS9qxUMADBmwUiPZMxejlKx43hCQ3g+Xcop4YlUGLdzPQcp0Y8G8tIxtI+fyRQmxPjS4Lc5Unhc9JF+rEx0nf47AxNDaH05LrAFj1RWtPzZLjOR9EJTiLPUeSu25MUzs7+PKNyv0Jb1TVNB+mus0kfo5GaqCU7PUlYXUvYJFmxKxHuwGii0ufGnMOwykoUS2YlzpNkt+akTalyrJrAKQgPSDbizqkWYylZA8+6pipayqxWY4nY4ljguJWz2pkOx4y51DGZdJWUZGGWpaToqlnaCnHk1FmYYwyB8sRhxmbpGCtFcFK+XJOyLNOqMldmurCdhWE6qbmwV57UIzLPm8xahvvJMvxNBInMV\\OdmUjzBV8aqQNeT0+wPDvhywozSEbKVHCzUVXrhULDnb3b+XWhHAOIf2eVIFQV4jkEq9OyJqjlK3wqxwwQVCVRTMGTD+l2qfXhZWEfKJXUvs5+ciqTvBDjBI8IS03RN+\\EN539QanlTopPyUe8DYL5Ok6\\oqn1PbGIpaqf46keHVrXTTEHz11NtBAuLvuqos65\\i7RtJ2iJ+ycTcbs2Ew23CaZs5y5ewxBMDorZVdyY1bvP4haqGpLNlmCkFQHi1WSKMx6Vaq7rD83GWcxzhJ+oS8lY22a\\NwcVwupVNJMWhvmYlERAE0g3srjxxnnCYteyZNUWpfeYu6Uplma883SsQXbBJ3qOaVRmsJyZ5ZpWiZZacheJXmAmJks+3bJ25UtSJyE0VMJMwPzZWVZpWVYy7VjmYZplJlp2Ms5XDQF0zJsQ+i9kCrC\\CWA+HdgguCVHcuFyxsPhHiMUjSVFGVhUs3\\d79MBdtDj51CST8g+aSVGBs1P3nj6006ldYLUjDyjijSOBdLLyoYk1eOMkkfQieqdVnUqTWpXyUUJGen0NtCdarIT+FUWcBzB0Kzr\\v9cTKJxb7jPyR6ssESozGnbXZJspyvtIRTtVJjxytlwz4MA3Y3Fs35XNsl\\Q0bL8ORvwWLQEmSJGucDZspiqmB6K0bI2GJuAiAyJ8TM2EUxwGByIAEFRdNpuxSZ2WO05LhlbG9GlfFasyQFRlXZGyk3MJfLlYGbxhFbfHjxOQXgmQac2NubZvI2FmTPGDmvGDypU0MoZjm9txLTcKtGMVyVqlV5Izu+DtBdjzbbHb82EotxSo2pFcMeiYvFwXIvgrMSPMFu5PYI2BPByPAMgxri0ocEEQgZ\\KKrBPLS0tU\\dsUTqAUM0YM38bkwe7sSkTkNt8psaoufqpbRE5Lgw67LTrxSDisg6AtwozUKXiujccz0scZHPjCcGaiLXPz6B\\kpUqznJg0PwETReZGZVU20TLXLZ7ClT9zg6e6LoZuAf66OyHNzAWHdzbaws9n7nbkNkYYg7NbB7NhMSngjlud2wyX4fCpdprZtHDjJgBv3Q2Nxo237tNWy103LoLcjZrAjYextppmdT0rcnfaNHHcxO4wXqblMnbzvB8URZz34HIzfSqCOHjy3dGkaEZP017ojppp3sTDiTsdDvPpU+D69SxvZtHWHfatPAOnLK+HRQ4v3uRxEc0aq6jhuztr4I0F8HJDf+GN3DwoomkRGvkS3Hbr1dmIdmohiPvouwRXYs8ylsBjhCUEoPorB9V8AXqAN4QuKM+3dWonM5JxZ6GmitJR9Q\\5XNnJtN6JRB1zBvPnoNa5ttONPQhTTumqPj4oOUQjSbS69YqXQ4Wj3lYHd8MwO+GpHbT5YQYHSk5RFYOZG0Vs6E5c9yGKhgGAFDzF\\1MF0yFAUs\\cZjSd5vXUjaywdn2gLIz9bQ0\\ybVEjNWHKN4mbuTGte\\7cTDKG6fwZ1ETNfNh4WJYqBhN65E\\jcLVCMPkbjSJ\\CCf+aMavPLKaKZFFA18fxQXRjacDKP+MI4mfu0H2zoKgikPJ0vhRlPXxYeFo9yfTGf5NHIzeIfTCRlt62k+LXzg3Q3iqD\\1s2EFOA+jYRa7WRQXde7mlTecRJEPb2hrx9l0Ghiv5oh4bwe2pr9nLJ0BqinQOfv7b99RFFLKbMqh\\54b5pwpGSw9RsFJeBqTP65lwp2FrIp4flopCLm4zil7x5xTUJWLtPydXsfSxbZKifu4PuHWNGjhvOaD7+FsK4xaD2jQCc8jLPeHCnSO63iaj7RB\\BPkEKAXNG5UDOuADwr\\ZxyDMGwiFKnx0K+C2PUjoNOvi+kIJB472MSTJoomCUi\\KKj9yJ\\kRVHFo5k78YtkFA7BJY8Go1GdFxMgMXgqZsE0ymJgEXhrijo0naZuRvFk5BejGZ\\VYRwtQUIPQUYXxTTOg9zyp9PJDPCu8aYsriPfdwN4AqATXs7zJz6cPDGcPo+jMB7N\\Wk4soqROxpG2XA49124Uz7L+FFWA80gkYHTUR28Wv5h8b0QBeNBBA5BzUtWScbzbA7un8Q7JlmhW9QYBBOYrVbHsKcM1w90Cnvbk+3r4lf57IRHacnQYBJG3bHyG2OblE4sR9pXgyjih5Ubtxki0BPKVYeIsklr4PSDKu+3zbz6JZ0g8sH0nIegkeNfxJ8N66cI1OUsqEHZN06zzUMQhnEwfEJOhm69AF0MjBQuqFY3H7p53V8Gs1mY10nhjkBtgkANi6Zw6qHbDGdhUod+OM3zMM\\zotlOH63HeAPiNc\\qAB5eBxMwEAJrGT35gFaeu76QBVngzwKgbzps8G1Es8CYuEA3ysKiWLqx3wxHcVzE02A2arbBxCjQfACe41yvQ8A0GLmF2eQRGCizIJhFQQhGQ7yR83meB3BOhHbgDptR+Tz96FblnI2m5uRA5xTdIlOSbMOQTZNZrZ20NMAy\\U9mr5g2iLSvjuepHD2dwiBLWL4l8ZL0KeO6yakY47EEnGkbg9vOEQYbFpS2FJqjpNKMu6J8jNXZ5sIEHMQHcGq33KH+XnBSeYpk9gdHeB4hiiVw+nwwcDJtpWVi8pioq+UAPKV+5mj9zSbRN4MNfNiPY05dblRF6y83mzmrRwNV3Kl9NgPPatlfbwbg8Ov6ZtMfqJrY33FlX3H0DVfu5qIizhVml2zmkjJeMencSTJzTJhk0V\\OxTmT9IsqdfJ8vkzMKpuXJkMqKeOZjHd2q3K+W4zH49RZgqgyFxr4RPxuLJBluWFSkxM2ytqsVqa5WSzm813fnJtmmpobgVEtW1Tg92F1pxx7lbmolmObwXjVYmNW1drZmdXcu6OuEwVjdqAsQF+dkSreTIWF46yYMbxF9NnnZOXg2E6eRuHbNRwXi7dk6rmrHGlXRZJP9Ypo2J3akzQ7BDYngx14eIHS2nayH3lD5GNE516tq9fszmc2O+uTJjTbywc6n\\FU4X2je8RquznwuOG0ZMOJTLIbawpnJpw4h094mU8UjVsnCWOuHFEZJ5vNNtk54IOPk8TRAQBwr3SNS5IdpyrgF5arsuTWFUkchaREqSRn7BCQM065Wq9TPiUOw6+J46wlmSfEXDNeNjCIwfMVKSsnHVdg26Xz0hEMScaIUcmba89OjMq0HOwJSo2yB0iXCwt7MMHtThWH4SQ7lc3E8aQFWoArhXFMXponssI7HrF7WL2R2j2vLA2rZ3hGzypfrZyzhBrQW+4Rs5v\\\\P2fRhEs2YYnAhnozCUDc5rDMVMaikJLjw8syhcTPtvAUusafR6dbWyIUTpzks50RSkEDhFLY++HiUkff5IcJKd6Q3AeRnDoh26MtigEqVU7Z2iv2rF5klNXusiqCZuMdfi2SThN3CUJO9YSVRTHmsM6WPynJKaosJwDAKsbZbVTVgCqhp0c89Vc7Ys6qzjJDluFCafsmLVpis5izpolqI6dwDBrh0kTQymllbMqDZGMpXQNNpoHkK7LBXF4kIGOUIrp2lk4i0SoEnNhLpSFMBZMa2GUEl968EDTcAxpIVmmWaUmXxlpzzRtzhTFeeo4htyzbYljEkbixnPAM+EY1jFt3kvLnufwnk2IYfBmWVqJab0qOw3LilCXH+ik7jnxBFngezbPrzlnTLPwW2ZBUJfTTvae3Dv0wp1tLOzw5JjP9IpI16W7X7BA\\XY0NpFOTAwx7QArGvYkH\\ryCKfMqTfg1Dt5SZW4vq9ROnT87oXm4V\\Q7OKGFRNpUAfLlZSs5llTJmLCJStF4RKRYcAzdcac5DjJ2BlXDA\\KLGHZ0mEcMZ+XxpxNVmJSjkGIKmW6TnaJkqyT0jEMrmGYRQZ+PFkY8yKxBUWyjHk6N5oxL6+VycAySGqAdJKJ5BhFZlhZ3sOs5WI58XrGukq90uMNEIy90qh8E2SfbaSCIGyb1DZtpwmXZZPZcBfAlHeSYOLY9trzmvl4NS5QbIv43tdm8COcWJVtg8i0+R6RrYVp2NakCGr7RaMT6TQtjLvvDnRSH0kWPOAztVPLdBxphqkip7Rkz8R2B\\6g0OVrk7t7dDiyynUhnw+m84i1tj3j+bpC14EoLMPT2DyqdkUi0ofmValDhL9f657v\\aD996MZMW2cE76phxImxPNErYPoFPVE1dS6bobFg59vw8lkG\\jhnCtGYfOwXS2joD+das7Sbx5H29APppPGz\\1+E2Vh9D9ZVDirJgqLKNxG22z6MIHv+Cxhlk\\DWWiS7Uh1i7A\\gYc+lGI9zcJdM2uCXDQmkzzIsjAvgunO2NVxmAcTPxyFk+m8D68RWru8CepxUG+CYOtnbjRZ+hNwrsaFC3fMmmkTBx48Sb2xJ+YkGzV1ne3Cos5mTQ7+fTgtHH272W5HoV8EM9GGx4TTbFJvGn9pVHkxyaPRhAnhZYPt7Wi8JaOXTvYtwd6EhuOF1FtY2N3pMWsfq0F0qdcjB9X20gRvGZfC6X31U0a97WFsx3exCtNdJnyry0WlDX9iexvXDnD80JEfGOFt45zqAU84tA5TWoi0z1se0ampnbeknwWUsLtC3T1GbgROcIRet+\\PprEzmQ396GlS+sMYY9q8P4pccKqjWTR0o6coGk6Hw+lsNJ2FY9cfYZCpHoHHjDHPaDYMgnwUT+NNYk0iOYiDJvLjYWFkWHcX+sOp6wa9fOr6QeHDs8aB5ddD3x8NR8MgdmsznLr1yAxnuRuP3Olols+ikVvHQ3h\\UTSNIn82ghv90VaufddvzDoYxXkcw3ODt+7jVx77w9mWjyYjeEd1PR0uFCz2GxU0uTBKmyGw6U9pPfMsiuc3g\\GWjLJT2ktCvqVTBkNXrrxer1IwT\\Sfgqf9wbyA5WmSIL8831Mmit7anp8UjccBB+K+c63NTdKeO4y68xIWgoBQVdox8R9K53GcU+0QPXHW22mEg315J0UW6MSj9dtPXXbs+GXNrQtQDd1sipFv39\\E\\QLLi582TgzIRbPCGWYYCYp+Th+jeDvcutNqNkz8OMm3g3gRRIk7yuIAuPWHw42PyaHI9aditdj6Zh0Fje8Hrl+FQMI0rKe+GwVC4AcN0BnAD4JqtMnjbQhvwvSHfaDT193qAUDy6+k8jrOnehRv4hmgNMndJoRLWFQ8zYTaDyZBtZ35kTmFU+shms6HcRPNaj8ajZqqcHM4cfy6rhfZbDoK3DzHan3fKAozH42mfjYdTfLQX9yk06Syc975OMKK0mlZxlouvRJ8MVqCHGHvJUMtTh5r4V+Zs9RmoLVPMD0PdifdUdCmKuloBVqfpGB2GhV+u16gC3J+pGJvp0d1VB7wVEFjqweV3j9uIaKy9HgSnHoaUMKKqt1fQzf2QTDNsD+jnsWRgvHFkRuQHIt43UCYDmMXJN\\W38bxNt6CSAJR6YKAelTjUQxYjUJsn4j8KYjcaQzyCGRv0PQmM38GDxkBLHHVgCwECY1tFk1aT4NJ7E7rCUg0C\\so4BGjYTT0M3tS+8thlY1C1wex6Q8zEIvDbDgajXyMYcLLTuF6XQeLqV9sg\\nyaTuF165j7CrxoxjuAbIzDtfZ0+NoOp3WgTtIY3xr8WjoD\\1ACGN8r\\50OPOLaeibt+ns7b0iGmanScvGtAzP7qWlJ2LR0n9m6wXA2frqAiGC\\PJ8TyQd\\AaN+RyviLTLXThub1lKTNfExogcjcl3lR7MxyesEE+ZOy3PbNV8v6v00E\\wbAvo9oEkrFs6pRMkqqopWlFMJhOtmG2b4jEcBn1xtQ3CSX+bqMFWL5pwpQahmofL5SSbTPTt4+NDoOvFdldPVlxW9Ld59lMFEy5b5uGqmIVNs\\lRZGBsGloRZM62yJYPebaeN002KbIw3DaisAw3StOE2WLSMKXTNPDDXZgFy2xeilnGhljp2TTLuJiHZhZoWRLOg1DfZOOwWIbFJptny62RZZmecetQMotw2W+aiduI4aQpwjAsGscQQmsJxi3cc5kOgs0gWD4Eu6zYeFYzgZuzBP7ZLM3sBdnp+TSi1K7BlBxMWm5Nq8d7pa1saMHn0yZlCS90ufQzZ\\0KnQe\\6FM0O51EQ0c3cWw7Wow2YTLtwBhW445W5X14tp8gnocEu9rZn\\29L9S1obfXuj63Qw6zTbGfuEVwLrGJ1mcTjF1qYyBpte4HHDcXk0VSJjsmUaREEk2ROEm5mCca+PIJVn8micAsVn0uUZVSkjYJhkgd02EqaWUUqkGEkpcWNhlXFb9YlSYjOTZZcxUvMJVnM5XgJXzlmAuB95y1XZLSELDp3K7MsjTT0nLAISYGY\\CrQi6NVWmVwtwwzF66sMDzNg3ZsXEAAhEcZcXzvMGXqx48IacVVcol0mKRrOYOJ9ueYBq9qudYFd8Dn7pnm0LPMGWcOWOkvdS2qx5OYvBeoDPH6s5eVxUnYGw+JILpyaWSTGjXRn8lLojwPOjr1bnymOVr0+2fQSeKSpzKKdHRXa37oxxWa2hwmfm03Yg89YtAMzwLzkMBJ\\V86L8HOltniM7uaKdxseyJ5BRV2nkuinMtETksHxaXyZzdqStxwyWss+MkUZMUbS3OOdGZg3GQKGKi73S8p64lHGeaq2S9AGNjMzfZRFkDpdXCLqlBzjkLx1SANtFJuXUCwJbOolIcTmDSFbMozUpar8q1U675tTlP07EDcBKSlot0UTLyet6zFOxNZ0zJ43sV4UuS8k5pVMRMJRtOmMU4YSreqLgycQTQu6UjkpUzXpkLgNwxU75neCW8tm3IvGGkEnawG6Vs8SYYiaS0eXhyrNw0X\\CKii6TiaUdgoWx+QEDb8dZLwDOv\\\\zlNlrhZP4Z0f95W2aVHJ+ksveRTeVdmITRuOpJ7T3vwgBUDXx2Xf66GIUegrgdhPxnM7+c9ncvgqEGpw4gUvr9DqtNT7JtGMjs8ZqGyWcJFyy1TgxWXGJmOyS+W6VjEVlG4jJOmGSZiMxaqbpyUqRSr3ZhgmnqZsV46y40sseV\\Mk3DjluFwpJbgrNeusFYeY5XxlODt9ZZA1JopMJzV2kypN+zv4oUkqc+w5Trpg7LLibcVInYykAOGCeKZRhWMrZEGaYnsEs+FLPjUrCwOe5sqyQdKS1Xi7ccJ5JczL1TgzSy9l1sluDXR6WVpOcE27k3qpwcuTFJSxUQm8YVmeZy0fHaMCAVxZXopDGFLjNp291kvHRQWS3DPRCtUkqWKkJKPtRmFl8issm4O7ePyNOYoneDKg6sTP6WvvBoF384yxpU3rBm13qSlFU8VP3jxHi+IVGo9HPLW9xan22\\4hquu7sqTnBSynFSA0fUmnzLCcqiWPfp5t9Wi5zbQHsAudXbLdgITc7eIpx26yMGvUSRb4CZeFmw3zGEcP4ZZV1HDphKGSTR71bT9ugOowU5ytO9lmTn8ebrjJbjfYFPU8ZJXVbg73BltvsguTUWGMH5ZlNqgel+Mwsx6zSs+csJ+5Zrp5nI9LZRfyk13mD7JBFm3C5aROyyxMd2FvE3IGv8yc3XK55X6OMz\\LHudZOI83hmdm2U4E0zScD1VvsskyW5DC8dpcw51UIct6ZRUuGbJehm0S\\PXxNJXnZaC+p7bt7BY45AYr6BJGWsE58AQ\\eAor2zOq3RrIrYwe\\8pAeQSXoWr902qUCC0tbl11Kjif9yDSzLv2qau92p6NntxWHvfVLk6E5uZzSeeezqP+Ie20PIk9rFgD7S5OZk++O\\N9fxb7s2jmPiYjd+g39aM4G+ZNHs\\i\\6mH4BAz21mc15NoFIFzv51PZxifDJ78aRRHT8N6Ejzlc6txi0kwHPngoM9G\\mw4jKPZqA7z+ikz47jAmQ2zqVO4boGDGdC5ppfpCIWn5cJ1R\\7D1HXzaR4\\BXDbbBq7tZuGs1lBowQjfjOLg1kMj87hbcCD81k8nW15GTzxusj9mZs\\hXP8d+P4blQvMYY1hPttqwAeVDR1Lt9Jp2V7CxCRrmU5Dg9CgYUrI35H1qUZU8lpgSYonTXnlLYgvDZQXu6qQETm0+CgTtHerKR1nKJyRCcYoZ+6FrEtXRVoDyrV6gfXB\\7f54zUk5TRSTX8aSyeTrxNxnnRuNNsGLmb0awYxu52\\hTF8SQKV3U9beL8McKZIEFgFH4xzQGCKPCf\\nL8cDr1Z\\50W+exH9V5U0eCwjWzukieglEWYm17mA+nM38YZXVdOFw8bKJhNoq2xnDQPBXpaDLfRi4WzQeLxneDyAsjo\\FDf7SI\\TjLm+kszyfRrMiNyXQy9BfDUTaqxJGIUU0njtysxnBWjQ8Q+Azj+3U0nfgRa\\jRJM\\MyMyipV\\XW0DSDdJRlkcHOu8Y7WV59gJ7iUyL9DCrijn1Yr5jnHHwN1idE6ESUs9wpNLzsCjJfpFO\\J9Bm5P5vOmy5NkEBA2Pcxm1I1X+6RuPu1fqpuarbbyoCx51piit7XzGs9PqV+gENhP8fxz4mMuJo7iI4VP3R2GC8ezcfWT8HK7CpRjEXO4vimkxBbkJ5Azd3PGDCASqH0xG7iga5n409dXQ3sb6snkCnn3M5wQjH2cxRCBNG2s5xfAp0N0Io8If1kGc5ziBIcpHfuOO4nroZMDvKI+GzdCPiyiCx0ZDrPa0Jnk4HG2HETea74bF0A2HE3jDAdwlyKfhKAp15zGPo+lwWG9Hw2U1HU7qzBxufbjz1M9regZMiwgE6fRuOoWeYKGbXpiWgAO+scdoMOYZBfX9fwKrTD2vtO208nhF8Hr2a\\s4GFre+XlwkJMOYYbBGFI3Z\\srNiHu\\TLAEytZaVKoLS\\GOPtep3f7q+iFZzqviE6ce6pr84E\\BMm1DZp4Gkx+xn4\\adxg4kbLxb9CP\\5Ru0P40WgScWGx3dZuHgQTEF4gaAPQ8sEkLOpREATAQTNpnHA4HE3DvHCDZog1xOE0GBZhPG0eKqkebot8E2xrlHNZ5D8Mpw2ANfQ3frSNosbPrDwO62Exi8IijKIwGk3qPIom\\vhxm02CeFLMA3P3FE8CM3cnQTiEu0y3TdYEmA+K\\Azrk8MmD60FmOv6AAAgAElEQVSiyJqNsI2bAt48iOBsNJpYWfQ0GUVNc+\\aVsFIe320L8H3MmQTReessnhpHGHV3IIHkWkYoMjA66\\s9DV\\SCaq\\pml8UfPjAZmVwvCil+3IP7wNnhZUOjcZ62LKGGWvesS1nT9IE7bCKd6xeykel0TsSfT2bEKk4grJkm0cqOvVqtNudqsWc1ZOZI6iosKXQGyWhFGVJOErJO5lnB1mDpEcJJ0pZgO+NCpNF\\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\\nFMngkNveEkNHT2DGIJKxkQpWr6Bzap7HK\\3nP7kJdAoveewyYT8ZzgOdosYyXX0zloNo3BdR2b0+Lq0gMs9wOs4sfuwCnm2Us+0Q7rfU9p\\pPC7s3NO5YcUNqyY7drUJw222meM8+J24S+Y6xyXOUgRaRUVxkvmaZVbiWFVBzo65VX+pqUuQu+JaGTsZVoGOFW65JsvEXEljU1mNJUdcO2QsEma9diSGx6p4x1yVZrkap+OFgxmkOVk7DmFA5ibp2hHGi3RhVuOyXJmVyTsmTkRgwO0wU9NYp6ZnLNZM4liLcjVfbRxTLOcKnBHGWGHmycIU+LUzX63LEiQ8IG8LadozbAuQ8Sr8r1canuBZBgjU9F6XXfZAetoWzQm1KD5lng1POnye8LWnswKxbr1kdxIcRKd8xbQFnHV4uMaI1DEiX6LR23NPw8pSHrtS6RIMtY0qDQ6zP7rYfL9\\6rEfgvFsp9hVDhS7mCQJp7tDN5iLXKEt586OGfibjTJOxFJUEoYlHDNf9HNl3GdXDEmUPrgiRZ3AK6yZsfNjqThjc60XDjtSSuyWWJFaLH02rYLAcxjiEKUcgyYuF8AnGS9ON2bRZpyb+7PI0bpBonS\\NU47B9sGvBOOEQQ8f+AKnLKMTGcSMsx9+9hfArR3WLQh99Y\\9xg+hWAvgH3w9J\\zIzfBKfJuxTkxxsLipJov8EkkSTpa6EgtT+5r6Oyq9cRuWQJP2tmdWv9ovnHbyk5r4\\v6JZ0n4SRQ7QmrKlnsFk9PcRG4Nbo\\qpNjk2a9jYNtDM60HxbBMM6f+hsfHOtwNAxGceA\\DZKR29Rx3gTgD9fOIAjc2WI+HW7zYfE0mUfgY+VPUX80BEekCItpPIqzBc79YNYndJLX6RTouG6mhVPAnRE4jFDA1Vy4R4zCysAP6SJ2XL0l\\C6dXdObYMP\\3hq8qb\\\\\\vtpurQq8ISEcRDh6MaRP9ofUQjPhrNAbsU5JRYkJ\\c1dJ7moRROVBjpK+hszwE6fr4tuieKpnd0HvjsHxJE54miK3TiMp1x4NdRhPGhJhgF9VOmx81wNnyK3dx1Z\\F0usVPIvfFgRvgWM+\\cKqnHyVLPxoOC3ANwDMfzjMcdaAMnuLYBf9bd\\yidqM6cP0igjuFUVy405yR1iu+utg2eA+dIDkV0l6Bi5wiCQIKUczUUVqxKp0S2aH5EXQiWOCX9TzLXGbzhVwBnIJh23YpgLXCH3x0yxLAbri2MqaLc4Lk7LOM9EWy85SZT45xHr9UW3mv0L1oEh3ER2cpdV77c4boZF6Sdjz84xhOGlRK5nmwjfy8jlx9Moyi2SSLs5GLI1hnM3\\kN\\V2hEmYSOoPf\\nFLJi4w2E0jZwBVkmGUz8q6tDnQjdeRqvHWY6VxiNWGfm+O2zg7lnsZ9HWH4V1U1sKSRXJJC8d15dh8goOnRTay7g9DEdQckisLCCd2NDz4ZsxBey97MkApJemXmmUaWpVQlmmXo\\nex5ulqGHYZfE82zj6j4jhFNRdVb507a4fsbRDq7tRDeoM0k8mJrPsnOfNLrIE53SCd7vbtdPwtlTgWmW6SzCVoaHFU5\\n0X5DGcZ103jzsDODNxsGTV+k7sYZa+DOOvH8TAK\\SnwO\\GZDNOb1dwd4hCG4dap4Un8p+EknuX1MobnCadNXYtguErOW+EEKplOctJx12hkoppvFbyEU1MZ\\hPWtmK5IgrE0rYNw\\NSO00rANWzLIu37efTwaMQeuX1bVsyj2r9eL33J9N5ZmWSr6KWSNxx+AobBTCm1d+Xdfafu4pezmKyHZ0iTpnDmYfZZpNpD7ssCUOFTUJVDPVdmM0f+hstCTN2qW8yle3PWY3LMlbN9GQgrrNs2QfjQJ1rzGYFfnSYKcomdDZhstSM3TjbLAe6kWU8m+rZZqesuWVWVam0PnGJXqVT2MMp7P0jHleqcbhdGrQ5jwN90QLdC09Z\\tCdwrLNy6kAPDqVbAi2gcOPPRnU+JEit3C8p+xd3VQI3jqLy+++cD87+S4hqmBvyDOdYICBqc2phyTRCZ0dlzRfdJVOTRRVjku0xBFXoOG11YpLuEoF3323KcGXL7mVtEpYJzE5bCdmxitOTNbcAmP3c4WMk1LiHGcFx6J05uCvryRirBy8zCrGgixWxlxYYSDUNJxxKZlr9NkJ8wKd1+Qmuunis+gEPHF5GniGcA1Dv4QapZigQEA\\kE6ZVsYJQCVfGbJc4TxP3rOrruBI3mt2y7B7hp3KV+1OLNjRaFHbF9HJXEtbki9YwI1D7o5cP0wKgD2jiKLedWgcOjj2olM7ofPQx94anZhlxzKrzY5NNvDEyW4n7jbYS4rDFjhxJzrJZjxm58lOFOcJl4wV4AT3WI+VxWo1H8MNHDNm5mayWs\\nY4fMgWZzxa0luAysmvOVtMDKzvF4bTom6PT1QizNEzr51+lk0M7ECG9Lpyxx1B9iUKZyEt1z0er2lkz+w2Qn7rRGz8hGBm3ZklM0NlPLkmXraDkxqnzbtq7SSWtxFSwbJ8z\\VruzDf3jeFBtv28RtBtN8XNodmltd7DaBjnbgJJ6ITvVc9nJHg5R7JbS0W3I3bfLQ+kOjOLQRdb4P4OL7JjDP\\vj2G88O41fVuwHREE4oickiZzSCU8sbiXwG\\PIZRtHAnkp4+aVI8NTfgHOe7Ht\\e7RLTTAdTBfpHC\\ic5OUjMs3YfEsocaKfyAFBr1o677oVnzmE71isd+hOUFneKeTu4FOpW30Sm9ic6jgBKFk25BpRXfbbBdoSqd\\t54B6QTjVP5Pp\\oC+iU98467XA7ZBL\\19LZ7UdQ6CzQ\\cBvkWlr9qgsUbpmjkM9vK6+6hRd0nl8vEKn8kzn9eP36cQGXIF66wSD7uigk9ZPF1CZo2Mk7EPvB3tT+FCn6L1ic99EROd+fKEQ+66DodsS2t2bHNPWSO23cYqSfDyn+5xO7dPoVG7T+YKVcpQnesUpoiF33OyKLHJ4KlLvh6f+EJ6Ve0X+0eGk39fsvQ5ORfpfTmdLZWtv4iBb8XnzOxYsYXyeFzBZdhh\\fFc86cLsZO+Ek7sDTka6A8\\XFDvAiR2PPNXv8PKYI0IVvr+F6vhPofM3bc7W5Uc4jzZV\\W+VnXTaSNddR\\vo2baBnraS0Kk5jCzjvjv9JcWu\\i6dyhvofA+cl\\46QVlJWlGpdDTynVtOmFbZH\\CUX4dT+Eo4BfgwuC+k5tvoxGIHhuy9IWwE3c9eJO1mekaAvwanPWv2tiheO6OTPYZTu+UTPdMpvuixH8F5QenvS8624gMLWWlyndKJHvreOccwktSpdvk4v\\7bHrvw+uCEO9S6xNFRiMyXRce\\OZNJV3ShmanRrvkDAQqWQh9NADvQqZ147DfpFM\\iSc9wfjedtOIIQ56k1ewK6QKaVHgqDDnIzWM6eeGWmHwLnfJv+ewCNhGJnzDU4A+lk2CShc4TY9sRD6c+Md1vy+1LOvWWzFt97Fd9ogOlZ\\EkpPGWS3SAEsuE3qbXX0kUkQ5PvgVRBENbaWPuh8gmhpOuGZ2\\a3b+hkY\\pJmw\\VJhvlx4fVcsXqIOEB0R2u7eZM7oxLG7GPvVtdb61F7oY3+ZzguzU+Fep5P5DDpbQgmmgkgrPqWjqPufRucB0Z4sAZwiw3wpMeQ7JSdpC51b0\\O4j\\5wD+zUpENsWjq1e+NJ4n3xpA+mk7xKZ1cwR7pqY5rRZI6SQvx1f\\1b6WyfAEvhua8uyPhWOmmuqBWTyn4j0tkb68YwnPrsHxXsVJT7o53vsTrPw0ld0Qdhuo4NHmUod61W7o\\R7HtrlefQW\\+Cwo8\\JZNJI0ncobCTYw\\59mPdjxWJiqa\\lCfSzvz1q3RybxWdd0aT3hDrJDSr3sEpA5nUcec6x+hdcAqfTmdbvcSIn9u4\\sfJTjpu+WhLsYLRyos70VVOgqLfCMU\\+0QnIvSm6BSPzc6X4DyjVPoo0YlA4jlHL7RV8SIn8e+VnF9QAUInfapYbfz1tHynZpekrl+jk6TaZRcV6YZ3sxdpTPUFOluPiH0HnZzS1X7cpJO5Rad0B520DH4fV9qr+VO\\SLjqFn0rnbKE7ZfPPbvk\\wU6W9G4V+y4\\f3aoD3QfUJPVthzONXzGSAfSKdym85zMfpS\\ccVOg8xpfYG6qYzDDkH8Y+hk9bCC1yfNhGRL6qb+2Oi8fe9R6zGVbQrEaUzhX4WTroSTzqNenZEcpeqfQ+ndF2zk2t6\\a4+9qPy+K4qfn\\hlkp\\rXju5fVZhz7290U6qUMEf3pR+ZbmiX8CnRIvtK4Rjv1ST8s676WT4y7zmC8k2c\\ovMvqvKeP\\e10vuqw9+4YAvK+5FB7gXDwN1ak\\6Pz5hukK+y5kz729wU7xTuL5+51it7ax35J513H73Wxv4PO50dgHSP7TXD+Q+js5nteZIo+rbLzIzz2663CJzn3j4DzU8zOrjOYLonsf5fk\\CdodrLPGvVw5pl6vp5IOy+d+4S644+IJ30nne+OwlNzX1O+Nyz+D7A8UXrKRKG1IJp62e2mndN5zSfixFfqjhXmTf1EL7vsVzuF3win\\E11x93Ka0FhAc6u95L8H50vHFixpLCqxr5Cp\\g2Ol\\wiS5F5xvo5O+gk\\+z6eTxz82R5ygn+T86rx10GhgPfzNFPXHa933sF3Sy74sndXC+j07+fxOdgKeAf2yObpwm0kevPv\\fJjsx7tk2rGq69g\\rYyd3mJ3X6pO+o4+9DZK2MTyN+95P\\B9EJ4178tx+NWa7hPCf0cf+Xjq\\vI\\9+e4Co+n6V41x\\afTebTXqNXrLKXzH9LHfqfHLn+\\x77fPYhwapxEyP\\JzrvfKMUTNE6bWP8n9bG\\m86vDna2874EdIgU\\qsT6\\9YzX5S70kLQJ4l5\\f0sZMviXZ+KZz7amOZSk6GfC+c\\yy7kzqOmDVi2t3X76fzQ\\rYf4fN34ZT+Cy9TuHktLY3mHwrnP88OlvpSXchf3Mf+\\WazvdKTv5T6o7f2scudzanrqu0N5hI5P\\ofFvcs61YUr+7j\\3D6bxidX59H3u3N1g73hD0jTM5vuNFyW+94TbuiWandm+n8B7Oto294\\MsrvSCWr9CKTnpAHtG8ijYeXXG1\\WauZc0\\culm8dXLquVbu5VP\\v5c8EcJuQ0Vf3yXZR\\kOz8zVelIy4ZwFO8h877uzGvI3pVhktvmp7EP1N4GAlydvuLZAqX1qZwpY7udKP6+yLx7cb1b45zfrNmf44TvkvsEp7+FTX2oozuks6rbJ5Teg7kKZtd4xNzmSk65An4w+9D8Ty6z5FEJeSU1iM6BeGN1Z7CVR\\pvDfpUka+VsqMIz\\282j+X6Xzd7B+xpNVbxV5nsvOc1Av+omOb2JuH+d6\\ZbUFITrNubZjTft0Dc65vJxp0Xvisy823\\HNeSH3uBvR\\SfRufhbROwPZlbKvum5r5Lo5\\q8Jc1\\MntF2t1yHngaW+NXlf+JxbAlcHJZ0SfP\\4gPi9\\eJCxR3L86qHs4fx\\2O68abO9bgmQ\\ZRP\\mrz4gtdt8e69LXXPaf1OrPPdJ4+U+f4n\\+eR897Sz5fOVuuteQp5yfliQFzZNkcAsInk\\qeD\\Xs0PQWTvJnCC7yD305\\LSFW0UMz5rutvF23ZduHyLL5wuBT2M5h0cLsnztdS7V+f6C3P3w+RWvH9dPlCO6j+pXukt0lkqHpCZe+osnZJ5T+TwDXWeZdk0WId8P6FfTebSP\\X2a93ADneH2gsy9KpOOBcyFbDn9oPrHx+DoeDw+Hi6Pn0fHr+Pjx+vHyf1\\\\bw4zl\\r5L30WebE5ePOftvDb315HFns+zjnnyA+f\\P1OYknb2Kz3VrQtaFfRtFvHdyrx5U\\9BXk9EvarpF2Rteenb\\2x7\\+hf\\D8e\\n478Ox38fHf\\fu4\\jZ\\nvw3MfXu5fh6N7Tz\\++vH4ac4Mlh7zuLuG4GRxsr\\pz9sI8+yu4oRiRXpLKrYzy1j1ennRSa7nKqBXaT0SC5c67JTPPZonwnBwwefPYwl4BOgBzn\\91eF5wuh\\nR7vpfS\\\\\\s6mc9o\\vuMzBbPHz8fCfMmcfFWUHBFCPyxGfJFmvd9dO4namu4gbW7evfLIZzPkUD+thfJn89wu\\6jZ83euS7PuvxEf3egnuntc0IfbkjQDk8kdI\\FBZ3\\\\hA47+H0mNR\\H0j98WPA8MxbPo+30smczln9w+g8WvpKxxWjnULexjbAifs0rg6Afs9xFMx+hvjY8DwYnC2m2hGltxB9PAP0ID5\\dfKzE55\\\\eu2fj\\F8\\06\\r8vjjMRfYC0xZN8xtKBTlniFPV2PcofaXce7s7gkiEFN7e8bbcSwKmz0nvKwYSX\\O8TNI\\CN9IVPA\\2qH4J6OMtPg+EUgvvr2edeilAXxChv6fiL8E8lqCIJ5w\\AywyZD4FE\\zMuaM5q+RPpJOQw9ZAoFMT3zQpAhukJfnG7PwrK3HvmsZyNTbzHF98dtifHadnPm\\Kz8cLFd\\Jz18\\OjvvXkL\\+8rxHjZvy00KJ3zBuwPl\\jnBFvzM4bNGicR+UdnSuzLdaBqLuBRKwijbPRUD5ACnqjHyvuLwKPV2n+yUz+t2zuPuxwL0Ira0t0NZapK0gOr6GzT8L8om\\tvS+ezEXwX0ZT\\pHcd\\\\dd\\vUwn4vmjz3yK4kV3SNlTKirSn0pnt4qAJrvQM1LuQpoeLZxHXJ7ReXMjyZ1K\\9yJegZUOcqxiJcWqP4KnpTQXz86Ff8TwTwPM13z4i8BfTei\\\\Uym5139BeYxoNPsDtxirrSBpYIrubj\\jw62w+c60K29CouWGeVVuG\\JO67OCc6RNeqYe+TnvdZpNf4PBKf3HH0aR9wuiZBzwj9iVJzr+RbOs8CTS9J0Sts\\dfvgHmB5hGevwb0s1Ak\\iMUehvXFukaU9Kt5qN4kj\\PZ2dQO3LPI8RxAat28OHICy\\TeusKL1\\rJPhIOoXzENSxgj9kUp75vIiH9q9F6rtEzYHOLrPznOa5JkLPFf11Si+A7f594X7\\\\vcNOBHPHz8HEg18foiGb+Pa+2VSTGd4sl9SnkzeIDeldjMGdxyBh5MIo56v5Si6OKeq8NcbCX6v7fBWFv2yymPvIh0D+hyyvxYI3YvPn5g2PGj5Tmz++nmWovzrOqP\\ehujrx03uPzXAc9fffTbP0SytYYmtThJtwEaENivhP6z6GwF594bpu9UUVj29ZQR1mbpGkrO36FTeEO0aV\\FcUWCKkcxptMgk6pfJ\\SQ0u7o\\NU68L+eU+mvCdErcvQdnP77BaH5nD+C9zWQeOUjIkvtpsjDGq2WTpGKT+Xz\\fY30ImL7vGM6YQoFhwwCrxTpo3Jk1dMAoAT9xNcx\\M36ZRfKkM6FaCndSHPfLL7tOdlLgmYfHzspOjBQ3po3aOTUo8fV4XoK3L0LlhfeMi\\Lo6\\\\vr1q1XuH4APjSMR6gIznIhrH8ApYtpYzR8kO7sAfJfSUtqPlAOXCJNGGvfyM2EQnnrrsvB1dApXsqDHhJ4EQS+c+EPBCCJ50PIPpwVIz37Sz18vCNErgvRlSu8+\\nUNThSePwdE+AA6u4hh6zeIGg3GaaLS1usxfwqd7U7LQ\\SI4LumlYQsMkt1+8tBeBUl537ShPw+OgXh7Ymkc0I72\\5IhJ57ScduPDBKoTy4SWcJzq6m7edtRM8Y\\esKTv\\6CCZPi0Iw9NX\\ADiZLkDT7jtri3NY2o5NZdOfpNkV6p63FgiHgp1hWJp3RT5fxhMcIg5tTmE\\p+fL6Dwr8j02QM4LzY\\SSHtA+wc8qZLvg44\\Y\\RKVee1es6\\Lo5\\3T7ejuWezX99MJ5MJ5JaY04UpTYTg1IJZSjzzXS2FgdGkhiUgJ21QSQWp4kzCgh52qbAdquCr5d0orcuCi+2\\b8acm8bCm9q+BvtGldq0Mk1QI8DTfinp2OacANNn\\IJSLZq\\kDn46D15H8+3C5rulZy\\CZK7z3+unIAng99+sdnusnab6tCw0cqHIokrZu8QFitc4QZgp86iqV9LeX30HlomAVTuIt04fgMib5F3G3Z2R5HJuk1w1pDb\\3FpsB75gHdnee8mP\\Cn8foz\\Kcx4XzBwUP3wBMpJP67n0ElArRwaBl9BBoOi2Rv1Ya\\xqi70b1xvP8QNPz4bH\\apbk5udOo5yoH1G3i9iNIIntZ66xrf7kxL3fTr5Rs3fhWJrH4roiYcxrMSj2lW5oM0fLQa5G4WmcU3hlYMrdPbE3PKPXu8AvXaTTNPxzb8feuGJV4BE3zB1nOAeto9TWLz8ed0\\c077x415Mr2B79333XSDwNnSFfzuc5OCsY8Es7iZHPS7S\\LUErhFHxytRQ6\\bAUe+h076ISKT3UmidOGXNl0Ab0\\p3pwiXnXhsBBWVFW2g1N4P53vctqv6PnzQubjKFOLaNfiKGq42Bh\\U00\\FNjtIR3sw0002HSz0eg+Rt+E6V1gtgdaHbpE3qp525A7LZDc16NRPGmjDTK6L4LCtCHznXSibYmyhOlanNvqPoV6Q\\CONWzgYyiD1\\u90ebEWXt7Z733m3jud5y+E8+X00jPXjw6pxplEyBFFU9ZpB5SK0GvtMPdboW72QZ3vQ\\uFndtZenrUD630LV4CtIba+rAx1D2hbtY74ROL6dQj51SypB2ciL59AFgrzw5flB4EnVNRIQKT1DheBsVM8zh1Ll6hhJcO8+S3q0o\\DtS7ZQv+bfxPI+BSkehJjSUwWXH85ADSPE01KmS7w9oGHQwOOnZfKWF7gqjZ5De1a754xjCv17r7aQlKr9+gmhX35JtJ12pXCs4QY3Tz5ym1UGa0s9cFPfimHTzE8l30YnxBMyxUhtTZPjWhxOVLjnEvOYMMqIKZopwPjH\\d3Q7ygHyEXRetCUdZCj8jrgLBU8\\XAyPH06LZ7+P7rwKUvWyrfgeKfpw3gF8zugLoN4UkVf7jrvmY5CeA1V6m8+uYDs8Q3ODNG5Ii5KAAqw55qmSJKc1TN9IZ1sq1ZqerdgXaSBeIccPJzdCC5yqK\\LJ\\L3fVe28hO7j79J5M49E\\\\rtGQiUckAp2\\rxGo19Ap3tKkSA9hnS15reX6f0ijiluO5h\\XU3nWfPAHT2tbdodgzE0OggPUnb+gkJVToanF2XMGFOPuuvo7ONdHU1HeifgQCRMIoAZxMvtdIeRckrmUsaY+MZ+BBZ\\t7ppi\\46r39nnEB466MghNmqZZ\\jU75yni3q10e++UEtF4F5CNoMAbOTZ3FoUzoJVEnSdfbeD17llC6IURfn8xwDVOaIb2m+duK0v31X68e+FQ\\H8CBU2\\6RedCBV1gTYTPmBDuKIRN3Q1NlL76IC+VwHNoaeBMaxHNkG7wBkMLjl+hs3X2Oa3PSr0PoLOb4ivwbdM\\iDX+wn\\\\HToPac6uupr6AOgQiRwdO8JRHa\\qfVWkclQ8ynheHR7yghh9vA\\R51zpvmPkx11IXkwRwfiCJt2Imp+0\\tIiNEyfg22JhhyYdEwXz6QFx8qfQiehMQWOo+EEdl81h94cDdNqr1UAtBkiUH33w9l7dfm4ANpGAix5MM4l4S7NLt9heJ5F6ZFLlCAadVuZtjaH4okOEp3rwB4n5bXTUUQ3B9wMXoX0FqtUYHYlz1i611oBz4UorxyY6BJv7icgBzBpdgXj2tQ779LrpPvM26oP5nvpPEx3Ymgwtuta33vmnRWqHKo+XpSfoqprRL6eV7+XzsOtcAGtnXaOOuZVyV14voHOdroW7s1E5Y6GFsfQuRpMm8tTWFwPj2KVOx2KczRyRH9Njt4jSU84PSrU+0kN0Z9vPh4eBrrO3posc+Q5wFmoIYoKjb3ToSL0M2\\\\IDR28+2ysy3f3NdsIqQoJ+Gjop4RQwvp2A7PF+hk6DamXu9+Onsvp9gxYYxBfVDxPJ3x9VFO+7H4xGgKtR3Q1MQTUaG\\ttimY3GEoHjS+3GK6Atjwl5h9Dam1HbcD8+hXvjD3VTSR2E2q12hcbNXkyY7u2ZGqaOTob+80gkkjn7o3HdrdrL32zRahET\\+CA6abKVvuW2d6OrpXuhj0jU+yJ\\TyTpPsuTWpxdnRKlU5EuTM\\fwpPOfJXarliauUU60fhq4xOYqUXTUxVPRtldEaJnEwdfQPQ6pRTUNkXaic9nUtFb+rln7hrJN34wgHfFvSQ593EjsUus4\\nI0YQ1p9DyeHQNtS\\H85JOjpO6kSTwjjA9gE1tbYn72CoAACAASURBVKkxQ5i2q1nqUgnkdl2g2sepCq8H4Y\\3M15PVFLB2W7a6G7hacj8wvS8CeMdeGJShMdfHiv+GY72eZH2pER9xtFyMYaWEB6NzbyC6NXJd2dy9ILSx8ENSilwrVilFVEtnW8\\sFzgGp6txYa\\UptYhzthfIZanXSjSXuu4qphRmG1b6eTVh9hkojG4RVMEYAQpY6qRP11GgtTXum3Z8G9lVrqhLs0u3ybTgxyKq3F2cpR6h3BX5TI7\\TahdPBsig5GQ41ejdWjxF5tD+xH5pqeqlLOqMxTh0l5aRqhDvtQj6Vom9A9KqyP76219iP92O5v2sfo2TSDTq7WYLUG4LfBD4+KjtBMoG2bDPuGP\\kxG\\S7HtviHCdQdkG3RUa8wRpydK2daWtPpYOE6mvnYwY52S1vs68cY3Tdd2OxAoS4\\A2b8qGIIDpKVD7nhcljukBabZAv6WeIBgCv+jxBGhOPcDOJrJH4RMs3oBLVlXh2GGBJzYvEAL\\CibpSWnKCOskYdaLCj6DMScmkiUoGISXwMrE3xjP03Y+95hwUqms14q035fNievERDpZhVWO1byqbTasttHA1V9qbdxebfNN7VdLKH61Axv7rQztP3bFJtglclphAhr9sRWmVPk\\HqTqbav1+bGPemtJP7vph48ePmqmyxLRAXOEBmW4ttCHE\\eD3F7cyvglsvO51Kit65P24QWOOm2t1\\ZqzYsIRjh5M5k36KSuo5F6PVO21zgvHjURfEdhJuyrlj1ZsHs9LxVkgiK0J4DJC++A8HAJhKop8B4g67QRfLhJaKdjw5dTkpJfjBVO8oSFCU9L61fxNZBJKhRbX6EbNSEJDO8otCIGBPgKtDzjzDmFOxmrzIlzhdN2nKoqYKnqbKLufXr61W\\\\o6wO+rQC6lBDirV5j3tlf9Iv8vhwjOM1Q+CaxH2ejKzBe7xefttFDFE10umcTDtprq2G4RTmsPPtu7yiNo6kHBow2hgC6jE0hltKD7PHyMv1V2hzkvdIzks6hdZXlw0v7RHBXu+L3NABxT+j3C7rE1LZNmzP83hPQkPAw5tBWnoeiFIvJQCsZK9ToFsg7dB2sBTgEhHWlVAaoMElvtuHIWFwkxHQlgEF7uFH18GJCWYijCVm7SzgRyA9JWWhMPOxM1YYDGkwR9Nv4U+nomZkOTZJwNXXaDxKVVldxTBwX+urmBnVaWnJQdcfDb59bMvwj7uZHvYt9Y\\vOvoiPe9OMtCt5Owabds8IMsRiaVjEKksZZU\\YAP2Po60H9nV1j6jyOfQH+CZNip\\GsO9XlPNgXyQ3hDnfNlrp0UfuBmztHug4lF0YnkCYgoOCt868XLas42eJ9iejEJU9oQej2JTsOEZQGqC4udtMzXWvAwww4Ps\\aKBdS\\1nDVG9wFYG3Q9j55RQm0xSUJRytHQWluMw0vGmvCmsz4WPebOxEH4DKd05aH4BX85UeES0DZAO9bg0fwv20KKWXpU9Kq+bCVpv\\sOaAKsA1Uf6LRwtLNOz0NOj11p\\g1n6tqB99Q5SWGeqyI6OOnvt59KTXlkSNfpgG\\8pCOHfKPdiTY\\cyiKonEEmspsx+KJ4uFEemFzC1gEel9jXq\\nvFezC+iDMaltLOQenyhCVwcCL4QTzBm+J++D7j2hqvDCAvgDBm2QtVKJEMq2BEYrgOfY9EfUF0K7UxJIKvCMNscyCVLCWWDyfMlwYITiSHwirVglwZSZQk1deCfESSWHSGv8RUm7IFpixswK3XyFI21VIeaVcCTOCh6L9oHK7tqNnu1yOlUTUYTqOnxDYapr8J\\eFZDue0Va9T7Y9yy3EvRx31P\\OLh2XMP1EBTAJ1GVvWV2sDyf1Tr9\\Pj\\n70zUUxUyxo1yCSoMQV14ISmmRua4TArDr+m+v1f6q61wTFqTCpJ1em+VCpRVCTxY017DSSXk8YliS6s1lWS\\eIprj2Ng6PBe+CpYmwBhSlmBnQZqa\\lQsNBRpMR3QeIxHdr9t7d5wSi2iUBhJ6qclyACU8cSABNA98IPHkGn8CiVwQSklNVTaNUhRtmKlicFNeqYLV2PnoIRGoiwRLlZ08nK+tZLlE8HEURcgFoJVElfj4X2lZZCWOwKKX5nB\\3GpHKREmA11BdBz6Q5NJS0FkdsCVFgCWZ5LXz5wOmlAKBBsIxVtrreQxrj0gxBDAJvhNIVND7gOhkvX1AjR+Mpp2uf3o60IkWKrnfdyZ5eN824c9mf5EVFuowDIEmZQ+Y+IO1OAzpgMlLv8GMYem0OQ7dJcWTTGh05EGrdf10XnGIQBr0LT9+hs4uvgTXBapulFGcsyB2oWmKJiVRoJ3ViTKn0SZFt14TweZUS0dj1ahUQaGDW8Sp0WKuipSGdqiWAZ8LRWTRU0J\\CfwnwNTUqXYR0Ty3nSs5C8qdXQGPC8eZ0+pkMpcWU1VZP635XcsbKXIWizwHS4diaYA5GmRU60grEK4UozwsEFEJvTZiesyjKNguAooOeJoHNwtbpzBbZvI4X4OjBMcdO84THJIBTMfrKFqj8+SsnzYPk8HGOVSC4s9pV3HXwfr09B404f+UOVHTZLXl4MmjYu\\8IeIgMfTeKv0lev04SYVIykNzHBI9wvUBkrK\\c+PpE6vlQj4oaCmqL1sXf9JnR6HJ9sH3oCyauT7dYiRHQHujVNXv5XaOKbGYj0yXK05WHVcbh\\9wlLkGfg07UDbFH4o6kkR6K+nyXJoWiiiYksTBawY0O5A4Zi4v1htXeVD+2CgCrYx0aTqVyk2xWUzK785aih6VebTZjjlpDI6TNC7dNLVKXRFGEjVmWN5ycnphRSBlaGpabpxu3RMDSdRo3C4Km0vTYLIIJoMpP54w\\GS8XfBPf2yjEfOw+GMxcZO\\eNsFeTmZLP74s5wspo4bbdzJ0+Q\\6cMEZCQJHT2RgtB9vUjnzV9fgLoF6JhMmKX22XL9mvS+87ZEFqr5rraN5ALx0n6k4tfT2dsbJCOpm6HRV7d1nbf5LqTw+mE6nx8cUfoWl+qQ0mRuHjnrlgVHhjNVRTNbUTNlce44azUfaiEnrsAwENFXZ7vMTiyfLtLWmRmbmeUZG8MwPF6xbcNtvDp9aFJj5sVKbhmGPauT1DCaWWLaXpIYPhcZfjMzPL\\yvHS2DeEgvj3z05lXefHGx93eLDHc2LMXtuWtnwyjcmeuDf\\TNI6bJjYSOzbsdGZkSjyz3TqezXWz8evUiCvj+VGzZzM42kK2Z5ZdbCrbd9PZzIjhBZX3bOex585sC\\YknpEUM8uaRU+JB8+duYk9e7Zs\\9lznRrez\\Xzpkmt50fHhRNyn\\E49vN\\ZrNmB+DkKM95cmnrdr9g8ugJkwHF7X0gZswwhz4uaLkJh9Ix4TfYdsMUGJ6keezszN5WJhcSc19eH1yUaHMy7C3ZmKtmWBk\\fvz7x7OtAIkaBipFVVbSGezDnXpIoYeNrjmyieEfkKIBbTW6BR99Uc9837WTIlKsukpcI7WdpLbrxt0u3InnlbHrVxvDU1nLr9w4NaPCsOqkroHous41ud5ExqL27aQGWAxvVqyRxJnbFJHlVsuoNrzEcS1jU8S2UQCggV1bjudHnh49u7PYK+KWAyRtI54ZjuVQfuR6jpVyM9fw4rSyDIA0sV3DSWapbet2AUePGy91\\cg31r6RqpXnP\\rGQwWvc13DqlzfsbwqTuDJaVLEwaMFOHtVMbMTzy1mxn92wE0uLzq9bRsIHNvDCTqx+4S7Ltb9Mrr0euOhL6UTZSShEo2ObvGyF+f0nVYxcRIkMO4l7naFhp7X\\+632Rqk50pjxVBeGGTPD9i5AIFKZmUIpLMNRULurEBZtlo0hW\\bcZEkTVM\\sAXcB\\EYN1adJo41X8SVZyxcy09Tz1K01DViK1GBithK7dqzQAauS7VONzMQVZVd2L7nJlbh1JZh10USb2L3AV4VG0UFdALaIJwtN36qrTryvcpnnFla+35hrcusqWezJPEaywngIvAqq2mNpPbipLZAott2U3ibBOiyVRuPbjlW9R\\XMTzHMyrd8bwnoLfwvQ3QWaS+17jWU5wUbVK4hbtwYg\\oTC0jhbMuvMQm8Sfi0x9vHWzTd+Mp7bN6eIbqRxbserT+Qk\\oRUInSa8ly+e7cWv7eqauL\\w9UwswYXfcd1W4Sqci7+EEEnNTFDMxDNvZYefzOueUbh0I3fNegs6DGj4v+HSbtWdVqePYWyWtZ3VjuJXhNbDHLtnEqNNZnVa+0STmMAGVnFoKCKrCriq78WInLjbKgwEa06qqTep5leEDCU2czIomtmaFPVEc1wOeEtt4rgFyt2lcoMOOCjAe6BBAgyvDTRotNSzQ7I43i+TG8Dag2XWwJOBNDNuDqwNOqJmBZDQ2KpDuJyDfneTZa2x4D0d\\BNyR\\KIBeQ5iEhR+kURJ6k42oMbd6KkoDD+GkzSMtHgES2bS9248mbb6EtR7NnzqWCA2fVcb1oViumzencuBmT+\\y5xMRHDnq3eLHdJunB3VZ+e8XvUukO6xtPiKOxQ6PxDLxPaRxMIUtSFrai7egU\\ewwd9VZ7zVC84BarrRxsG1Hyab4NckQNFVeSc43LVbsCMLfMyX4GFIMsZxp8kGQWtxoamuoan0Jncljn46yEXzFVlE8krpeQCVZTnKrMt17RcyrImL0qJhzu0GS7LuSwHbB43AV3S4IPnuDzEKkUcK1S71ldB21YPOTXOtEGWlUq51Nflaj4PGXXdMu18m\\MLfc5JUrZYD7djSSpbfaIMAp2P4kUurTFHj16ty0AfKQy9HjMBzyyZLb+Gv3M0CbCqLggm0QSLl\\Ro\\LBAV51Mbnw5DfhdkOKzeDCW6H0ZI0OGEtOH4vQumCQIv8kUV6nrpkCR9f9xV76+78XN39MiHNvrTE7KLy9vGkrJAtd1GiDxx5oDNa5FoNJ\\pLKpyQ4an4207FKHMKGkS5sbtiE9l8q1ZmbwL+fkTAuH5oIWNR2whKOBL2WGosy1nAw\\MloesiIHDMskOcRkZZ3LzFI3TU2Vw9aUMirTh2yQyYosUXLLBQEdSHKmLPNMYemVokTjQMpNWQuXtKLoebv4NlECQTGXcqgr+lxdSW0oKCwlz1dLrs1W2ZIWVquVkEuSrJfzbKln7DpbMmwgSUKol5K0dQKGghs6U5ZSkNF6oGMFj16WwTwIysFkGoAHPaX5yQPAsQ749VYaBcSlCRb7nKfxlbnVez4vQXqyC5\\DcCIrMbi60Pf6OO3Rhilz9G9BZ9dle7fOTlKge7+9QxQb3t5xGPTWGW4nOK8iiqLT40L43E0bOK3hIta4GHbWKiCgqMisT8tsF3El+cYYlBfVVTDXA2WFGRyioLYmm+e0LEu6Cq\\i2FZlFZVVFYVV85DLFbFsWwHTllTYx8HzS1bROTWklLnSsqWSh1rOmbqehaqkaEud1sF9lRRG5+aMWJZimw+ZQNckZkUppaq3SpubuQLPXy2xLZuc6TJF67qUt0GrgHiks7HArnQgWWp5SVJoqV1IwbwsW36r0HSwoile0un5qJzzmcQjjAE\\Z+jBds0z\\GS+HATj0XTCbxeTdTSZPsCj0+1oqvNA48NkNA3OZ6vvsvPI1+iWEH3xEEFYYkWWwrEHvedL8peOB\\n9Jl4RtSug7JrfYcYUCXUd8qvuMZCxZYZ0SDa+SmcMAjMy1VaRZe4ZjMyQG8oK3lB0U1XFTMPburYipVZ9ChKu8KjysGWiJtPUqlI5xWJFldPMcDhkQQ6L8lAbapwmc\\IQvoNUlZvUCTVN1YB+kH\\5pFDTZtNynI4RrWYhqxynmLkcarIlKfJSmkepzrRNCWYGyGVdllugWls1uaxlsjaEZ8Mph5muTppc45RsyAmmGnLcYhPKsp7JXDIJVmzO6qEO1oGph9SmeuRYvak2IpXlXBYs87lu1ZuhLrWZTOlgfmQUsywcPXdsmS+D8ZxPgtF4Aoo9sqWST6f8drq0cWlzNN2njZLhzEd6\\g51f85m94MRieHU+UADfkQqIQRql\\ApCdfG3v+ilUxyEe064t2dl9INYmDGfWvjaxsrymauERBnYqiJGhfKKDydkBUj+Omq8AxZNnWwR38sWFy8ZFmwPDH9A+uJODPy7doIFNtoUt\\xIz913MpKRDa1EstJ3ahy7Sq2F1atyI6b2rZTuWk1r5zYztkwckPbnY3UxnWaGHyWGlzrUE5dx4lnSlDERe2kCbhAlVW7jRxVUZVYUe06VeWlVVxbTaZnUVw7ziP4O240dKxibVkL8PsN200XGzhMxFXxJnXSym02burajR+n4LFZm8avGtdeMs0i9WO7wNhmbcF5Rq61XcapVVQzy7F9OK69cf9gnizw+hp3k06fmkk6S\\s+eOM+Z3QvP8cvEH0TptjslyPl0XxXPcTfM7LvF9GJ4SSQmVRfcTmg3yJ6yfBLib1ldHJApzqUF6jDhyYHdJpyBXdSUzOd5x8\\UpUTRUUtVy7SSdpHkTgnhTUVFCcqXOw9W7H+DfCJwS2ObTeOfX\\mKH4yq2En7DH8xAc\\3hkCxkldu7BjYtn1bKHpkavatV+uZ67nJW5seZ7lLbg6BoJmk8CwDMuKjcKtXXCgXcWxEtfwwVl38eWwr\\YERbYSo0htPzbiSsN3t2ofo0F+4UaxZxsTeRbP0ufE82ceeOmFWySJiyErz\\aN2qCn4OHHbl0bFjwcuxhMjW09TupZ4hWekfhGYsDJBY5nxT4uB0wc69HyHKKmR33D9vHZ6HlSh3duit7H6AhVHdVFEvu0Y+F3pVPoAvBsl7bSxWfvkezUTq0ztxcvQVoO1aFWgZis4A4uGslzoDMe5rKsrDdlzqqi0q6XHqp+ihGwnwJH8l1xJZ1rdcONk0S3U8cvVMP3ldqvXN9\\0vwny7Es33fVOI7qIp5VauEaBYC2iP3IKtznRalHvlrblhwB4NbatawkaawpB3i7pT+S6u92CqSCMAPBFllB6XnFLK5jp6jreFZU1sZX2taN6rqx\\dqe2apd1TMQy7Vhg4y1HN+IrCdpFrvVj80sjr3KX8N1Yceen6RurHqGEy\\GbuT5LlwEICwL228C76lJNLgg4FydmRu48DhcT8GmaDxcK\\JGT9aT6zrY42Ey6fpRdplOh+a3l2To9C4ZOp5ORjTWq3RxbXrXL+s3lZ2khITqmnCTOYi0cJ\\dQQYRTZlXso3BBBSBzgTojIYyyWWXVaLmh1qoaiFFc7Ks0bmEdidNkfQO1OldJSYrlFJiWalXViBifC+Oa8+vq9RzI8WNCgckol+DwHGS2J05Knwr6iT2DMs34njWVGZpuEZkOIoXF6ixkc5kuzViEKHPAW85SQrCEyC3NkVkKUC+Y4D0gh0ehh0ttBpM25ulBhAIMlVMN0ltgMjzEjiF2psV8XNkuoC95cZA4AZOL04MeFMLJXwMh560nuHBg3BGxcYG6e7F3qxaWx4I4JlX42MbzzW8wAE6YadrzSN\\5nupxIw7OgeX6Dz2lN6i4UnbnREvYL3fvhLiy8auv5VO7HW4z0SReBJRuBNObNDJs6\\EkjQVXG9TRKdobuY9nTMgEUOVoOfZlRCGpqajLRpntIoic8jikhElYpsFfdhuppwT6NNKiRp5ojRRqeibSFOjcl0uIicCzT1RBmXlDLSFEy0W67ntz5tosYHbIbuwIzmaq1HTLuaLKFrDd0l0qmi6mcjhNGC2cIh5FDnraRmV+WLRRpvtZA4e9MaJxtF8YVey4viTCo7spGtlsY6kaiM5zdyJ9HXlzDdOWa6biTN3FqmzWA8a8Lwdp3JGm\\UknTwtn3T6qXGih6jaRNEkWgRVFTROIFUPmypyNlPHfojWTxPbCR6i6aPj2M7DePSYOo7Dj0CuTXZQDk7K6i7ROZ3eQ+eIFDmNuwywvpHx1wwXfGcGHbWv38DUpDtn0aDJAhY21UeRuOt0iqJqagZ656HGYhq7pqIHFJocJZrzYLUyuVxFU\\RHZQ77YbakoRf8oNksBBdZ52ROVblcydVhnsngcrNyzmFiSZ6LjVeprSnmGolAgetOzRt9qGmcbMoiPJ7T3FIBt4uV8XLoToGVW1Vj56Gqc5quyYIQzHWFC3MZvmsyp7M5ZjDLw4ydC1mbVQtw16UwL\\Vc0XRFzbI2hz9ByOZhy\\Gs3nIZpSx1dSlluVLCV5YLbZnD\\i2VMaWuY6uXtmTkpaQsS3jmFBx0Qaf1ZTBdrEfTOT0HhVtOg8kkmA7giwmCYDDY9j7RMZ636Jze5x1hUz2JrHnsly9\\VzrZPh9+j+e98S5Q613ix+2ETk1VNaATpWVrDlnTZDVTRUk6MFVNW+rZSlxEm\\gH0GnNV9wQG4aSKg1SCMiKWijrK1Fml0PN5ExFY3Vw8M3MBIsUjAbAwwxbuQwVMZSVFTyC+ZxDeA471Ier1lyZbKkpOpCWDXWB0rmWBU9ez2RxmSmaDBdMpnGUxAZlPswEIc8UJdPDjOJCtqTYZSa0mVmuVJ1etvlSoVmaDnUlDDJdDyngjF4q4Phy+opWdEmX6HK5lOlltlzp+pJeBcKSZcrVVlBW+god5GUwD+D\\crSeStIgGEgDZjya8gNdmowmo4cuYX6KrULpACu1x8GAv0Ln6IViv4\\OUf8fV565LpOa\\01inDdkZ5dsREldeOF13U7z08mAGr7a2xjpFE0Mcc6UoZIDVVwo1kDnVAPUlm0YqmQZ898\\LElgZA4nPNIAPRGi8BcE8WaqTuTAYXRVddaqzCkgSDVu2MIBlKGcmyFLSjdMDQxYU+VCmVXVcOGA7so5zZRVmcUE+jzEkKYpCvhqcRuFuta4VsSJ7OJR1UuOkllZZcIHxQQ52JQyhaWcCidLphikmaZVkQZSlDM3kZxRIBwVmc3bnJWzTFxs2BYuEUVvl1wzyVtaB9W+ZBpaVoJW11sQng2DNSG05Jj6cvAEsnFbBiALqFGaVt\\5kUBHwXg+XqEuH48Cumk2TQnyc7ntxizwd9F5l2bHQqbxiNR1cywp5WCY39dnf18gnx5MJgzFvZ5VzA4VTRNF9HlkFQxMbqiamBDyw1G5bA663cyfuzSldC4wIct1rjrbzYrlhnLYVpM0dbYVT7dMBBaibCpVtCzXK3Pe0Eq1EM11FS6qcl09OMoDGGxDx9GiOgngUe3JMZ2qjSp9VLWLSlk4C0YJymqRxmrYunbiT8sSbFcnzOgmYlbbyi8BP6WZVBN9sajWFbDIpN58s7A3UVM+OVkFVmWurKv1Jgoqp4TXPjmuw0TNYrKZBJXhbJx51TQznmkW1aPAT6TJQ7N1o9E0gpd6i41ju5MmkkbT9dTZPHmN5QZMBQboZlA5fNOMRpPmYWO51gP\\AMdqcEV+C3J2p+THZ35Rv4A0Pg4q3RVZImF59rdYVf9QOsl8welAuKf2ksN4ksh1dJoYUwI6LUInJbQcp3Lrjs5\\\\zDmAb\\q0joFstKGml1W7dhPACPDrxe1bT17jZIahu17Y9Hz3CQ22tYDN9iofWNm1Eaf7evNLN+ztMjwwVlOYJ8Rw6vgKG4d+XXsWwZtKpajur6TWLEfOyq+apNYhuUZTOm7huuA1+8bBrjkM9jp1Qn46rPCTOBuwxUz1zCsmVc8w93kGd\\TMgxwwZ8LvO+5zwumgEOt117lg5vuWlXhzvAAMTzR8zzasVI8hAXf9M3MKAzL9uJk9rxZwmF9y\\U9p\\Znz0YxZ0Y4lfSEzjPLc0\\n\\WH5UR\\3\\P3A\\Gk6sUEnUevDV6Un6Nphp9mfZdbEyKg6JLIzAout1TjdFJLGSQ2SwQRuAsYAsLcR13VDFDmlio3ajq22sNZ1UdtRIrvGrDJidfvsG3Y8oxe+2tSt71VxYxVNmhiOM7Mf4yL32cZWrcoxrKi2MJI5q9dWPXEba2YnZpa7SGdVW4Cnk29co6gSu\\CMWSQjGlHsbQxv9rT2lNhTat\\9A1hvVSsuGjtPGgA3rhq4cGZAvOM9u4a\\cOO1NQPkksby+HVsVbHTWq5r6V5sbYo4reJk4z4XBZz4ZO678bPnu65bBIA30NjMPG\\m24HhTNwY8HRctwLRGgTbYDeW5YJbNH5rxPNUerK\\J58\\R+dkynctsu+ic2ginVo7FFWR6zV7VEr0nBVNBbyYcCinKD7TuY7NEARczCTdFliA2atnFsg3G5eKEssvbLWwanvmzbdGUvj181TxbN9PfXdjpb6dprVXA0p17Nq+XLmJUVix5RSJ7\\l27dmuZYOIm9WuM1fdOvHr2rN82J\\7sLMwEter463u+Y5VGH4V1\\EEDm\\AOwDDte8HuQVXgM0ljltbIBFdO\\XqooArKCncyHXhqbFVJGntT8dApOu0zfMGJH0Motf3rRok5wwXiOJtbs0aI7GQT90GoC3DxRx7dxPAUYFcOBHX2vh2DN57MN7eQ+cb1zSJgGGp\\ybZ2blQPFyntHhPfVsnO0mOB9igqipq8EXonAvCXOBy2JVratsWKDxLHZvUk7xjUWQxGyRjnbpowNbzQZYUlf1czNt5bFdO4ww3cVNZyYLbuJHtRWnUOM0mAuvOsuZ2vGk8R8+TOrJqp4mqxF3YbrTx48pP4EUgJaO88d1oEWO+vbVWAEd4YVRU\\7GFPE0jx6\\TKHLtXKlc2\\HhHWu3ahR504D5mG3wIXtmR5t5XDtV1KQgSBcN8InHqaomcfSmWdiTfJLQqVdtHNeqZ8k0SUD0Fqn3TdCddG651Z+2U0wj13Isd+PiyYLt6sE1ljYpkO\\YTjMYDcgE6mPV\\vN4YlU9dk+hqP82zU6RPohT+q6eH0Dn0MwwosQRwSmKJklYGrXolUtsK+vghjPL9vkHIBtgGy+u73yMzT40eJDTylBWElM1FcdWQznUcllWwfuGveCFm5y65DBaBfjLGSdr4LeLoSrnoZKZHHjwYFCYskaF4NNvE1z1V5eywoUKHFul5JWG6UlypmssCx4+NwxDWpRX6OuzfcolNAAAIABJREFUmWjmlKzmmQkOHeZ8KkslX7ZZ1lJiJqdpnlGZglmleQbvpWeywko63A\\1kAoUgdcURZKlQNOzZTtMbZkJmGAJRuSyFHhd4plFUJb5ajCajycSs9SFpbQMVuMsC\\QlI630YKkH46Dk11P9QOfgNTrvlJ5jAQwz4b\\Q7uwaf4D0vKfnh6oNTdkAHgUV28doQCeuqdMcRtuljDXDsBR0WbFwKV7vKzf2xe1aKACD5nDYzmVKzhSFw7g6YJSHq1zTFVZpObUMVY01zZAF1DRZp7gQYAlbJdPmXGiyssxlVK6HctuGaOoOV3Jmynq2WoVAoSKwuqSUOidIqtquBHj9Ssg4Sc+kfLWEgyitkLWKXpZSy+nyXJdpVqFpWszLVbbKl0pGBStdD\\LVSliWbUmNJWpOM0KO2fE0s86CVpozc52fr8fjyXZUrifTwagsB8AmsDegAwajPOsttscerMtxyS+C0TiAZw+24+0cfKB1Z3e+EJ6j90WVSCodTp1ghd91+9mLhsHWH\\eUrnMZ0ElWMjs6OdPElSNNE9k5TS1ZJZPmQJiKa5k2dtTi+lEwRIKqrcwtOFkcb9XcxKTQocCpCshPPdScSDPD3KQjTR4qLCcPcUVpvohCTNOT1SEgLw+jMsw5RYXXqLopRk0ThW0Gd1SsAdFKkMwgOEM5Z7OQmyzgSgD2MKszD7O2BJrDnKVDZRlmALNCZatWXykt78hBVGYrKSgzgaF1hVplQkAJ84yil6Yi5XS+cKjyaa7T+pxebrO5vlyWTLCVpBYk5UMVYLR9MN6W+tbR55iAPJoHdBkM9KcoCGi+5AP4x4OoHQSkbwx\\kc7Ru1YzieQE0cJ9+lCsX0anwHR9ZF+JxoeaxmmakqClOdQ0kFltyIIVaqjyUF3xI71sGQEU6lBpkM6lQJrEHzovyCan1AtFrmqNMbO5WqqZrJYgPFtzMKtkRWvbqBF5MXFwFbINtaqu27lKhW0pK\\NQadNF2y6S3JRyZcWplhE3ocwqc60ENUznlqPxWRiEq1Vmlu3GaWm6phVl2Wq8ps1ZectmEpvTGcvnTarJ0iqbUyEjbG0u8tuBmNrcIi8queSZsGRyCR4M5jo7bkFp2\\qDW27LbFA6ibBc6tvtaMTM+aWT6E\\FOBpMA2x\\nVUuP1rxD9NRIE3owZxvqoABA6CPwh\\61g5OLM8X2XRHdL5ucU6mY5KmSP+uiv1nzwuLjdGwfm16AdHkmoroNdpqbuqqlk3BwrRYU0lnz8845C7MwCIksjPVsNmLeEynWhmzjeGlRT1Dd9ywQ8k1KntRq80zOjGeYduWl84SBWuIwR1JrNSzONqbpSmWarqN79nPdWQns43WWomzrrGkPY1nlT+DB\\BgUe16SuRbaQJHe67kZJY0s9qegSNtp0ZRzWLbAHebnhh+8pCCX96AR2SAp+3PEi95ttTU8LEk2JttuHTmNzMLq0MT7MZQ2BgmnQj0xi8wdDDzrdnacb2Zpa9jo9jYteeSJ00GBXjucJpVMOb5+St0vjsTpGsjOhY4jqUE4b9Vs+PLeZCer01+ETmgU1Yx+9gC313JFTPEZM8GvBusyKxKzPNoQ1PHew4WL5\\QmXPgBfsVfPzuwvWqZ9fInWfPjRdeHvl1FPuN7Vl27NeOWFQWtpOp67SezVdGFNvFrEgtwNIuaieOLVlXrRmQ9dy4UTLzPN+J\\WLme1bk+5VazZLCitPCZRR\\4htOY0QYnZ+5M6+qMK85DW3bcSvbqjHVbQNPxf4jlm9t9CSNPdt23TQJ7SL13cROPTgEvBTALuoil9rCsD3HwoYMtfxoeBtj+ehGhZ3GLhzKtp6dkVt51pNlpYEEfhDPn06fOV5s\\0k6pyNQ6yL3O8P58zKdpNBN0PMjHeKv+UTgrQw5kVRuKKDl1TzUkn\\\\+LFmQw1jnNY8oOZtK5vyM1H+nCAcK3ZRZf2o8CqMI5ZxPJnZVusARrHjqWs\\cTy\\Sizfq73EUYsoqdMEPn\\Xmm3n3tr3C6N2ajf27RrodFN1pVoVm9vPqTu3QDD6ay+ujSKBg7kLIQLZ69oA5GpgzAGt1FjbuABUw8WxgXco0ty2o7ipaxtkuRfFbjGzah\\plOuqxsKSpHKHto317XYD1EferLZcB+gE\\3xTG17lWo5dFOxfhjvxRhs3sorEg+fBBTJzpi4csgIBjg0K57foHLwSkL9tcI7AWydjR+n\\XjrpXSrI+PZQN3CCRFxRIpJRDsVQkxkkVctNE+uKfsxzhuXA8ETd\\4zpn2TW9R5QWakMozH81MYFnjmIMLX0jMYyfGVdbAyjip8BL5BWiZpGdmOAnk8s19gqz55d+4bt4PfULQxQ1nakJM+GBZIK6zS89HnWINqNNYuttVwZnl3A8+NqlYDMnVkAn+tjOD814hgO4rcRPMUwime\\sRLDs3AfrqbWiu0UoOpTuwH74tlN7QjOGV7vYpi9SlM\\3qj2DF7jJtj9IXLcInLXYzhZY1ZY2FzEmD1RCRoLXrHBZt8j\\hKe1+gcvyGkBA9L4pClrg8v\\2+QnX0t52h6uxe3ZprgnQ81B+FTcozgYOjI5sSWDmY\\fvy7Xgf6ckhFuNpua2E\\gWNPZ6bKW0Ve063WLvQyp7aKFrZBXq6VXFDUhVLFvhPO14pMy6UmqItSKUNlvdZ4b6Dp23IVstlcEcpw3dLlYq6uosk20FZlqbX81lvIS0ZZqOC7bKXQXM8Vaq5zUmBSkSRPwnCRr6aSvl3J0zm7nuvbpbzdhmulSuZgQE\\aclpy0yCCx7JtMGfKkSTogWkn5ZKRR2u91BcDPRqU83WwTiN9MBnMo8FWwFy5gF8MHsaTdaSvF6O150jBZLpmdCdmMHta4hmmc9TPLc+XIc\\R24XnqGvU+0Ea9Lels3ONRtMBdSPuqQ3BZQ9BNmLDJGOhqG1COA3ZNmArUPH\\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\\VyrAQ6T2JI2zW9nK+ZAT3mmfm2p5LMjT1V7ePjCuLRW\\0iXELhqN9XaH6wTEfXCPB8rdsCRwzLfnOVpS6ZZp7PPdJ\\jnz7kQ5ZMz9vIW+KrKhFru9VKrewFVVuQ9VJzVw0dTBKsVZ+aJqiGjkmCEicviFWYP45EbaqwaUfG76poe5sVMeGPTIn5ttGj8CG4JKFODfBHYOvUObyIaCqyxent++33XyYFw0JjjwM+mSTdj\\QmhyMRthcnmw8auEBwzAnU7mOvmPI85rl+Z76je4h9m8B50edH6kvmvLUax25Tbm0f\\RwxqpOKUMz1HJ14f\\o8Xyucl2jxHM6VXVtNfbzrK6a2mkqN9LE1LA3dRTVi8qKNnW6qKqkSTxuUSd2unbTtK4rrxa3hR0lSZQ2SVosRMdpjCJcJsncTpNZGBWV5fj+RrdS8Gcix0ngtYoQUsJn0kkmxO5nGe7nah\\RecLoJTpfd4uu0DnqioUl8WBz\\k\\QSfLpBq+NHdSGmhzVzz9+PHuOyIEJiUuaYi63jgU7fxiNCuJwKYvnXbpZ1aq9OnYty09cK4ldxXHj2Ih9r7YxKTIxFha2IqxF8NfRd4\\rpLYsW3FqozYsTPZ9tiw1jd3YalMDWx7Yfu5Y4Kz7VuzWfmzUDXr5vr9WBZN7J53CNToPmO5nHuzxBI+SORWeh9mbJ9vgVTxfVe0kCj9iOPHvIDk\\8Ay7unYcaMDdABSsOVkO1aBtc000AcVcHq5MVtcyk21pWtVkKgTXZHVOp5n7beKCaHPrtold11ebJHKfMZMyhu\\uxN\\GxdZKG7lpkib2Fdsr6rqo5I1v1GmFae9eZWnpLI3qvJ75tgWP51FRe0Y8tWatbaRplVh2uikmSr6i2FfwfJ1O4RqduO1vgAwlXf+YF9u76LxHeE5GNPf3kJwfe\\2A9Owbc1+lU1VzWQRnGzxvVlNxgkumaZiXBgCCQjUBbm0Yhub5iANTtWIvSYoEpJzv+7GnRb5fu3WNpNa1tXZdr45qO2artNhYbuxhN+6kMG2Qmjbw7GPbpTAF6VjklR8nsWf7YQRPm3luXPsegO3PCtuu6qbScu4VOk8F6RuFJ5kZcxCgRM+\\Qufg3pDnHV47DpP6\\b31j6UTR0tREvw5eJFIz2t2Z6goqqSZOaXmuWnKornSZI0NVZVrMYuTZcH9GWbauWoPFd121lEUTaNmHTmbigujNIrSRZTOo3QdqVHqRFK0qORpFI2ibUqevKhCpdk4i7Xz5GydtaPBvtTR6GZTbtLtJpMiB9soL4S0mi7atIJXjLCgLldeTm9\\M523hGf\\g\\hGZPoWcxvPV+kc3avaScoOd+hd8D8jO0kvOiyRvuEVYasDTlWxFCMcysshZ5qazg01dqhpOGxQpDSs+B2e06kpLLrVmsnJGrAPOJsZHEbG2W0qB+IWi9tlU2uxK4OJvRPFFnsdhjknhpSstFjinpuKYmoh27bg2LNmq2uKpoXwJJbTsizUslA3dTi2IN9Np3C\\8JSkA547vc6cj9G+m87x++gcjaVdsvH\\Fp193HMyYcTrVXCqgtXkQ9YUZZCbmLXJof0pm+gecaKKuSKg6PNzOnNVbRUz5NiVjHnEpgxIt1ymDrOhzHBgySpgUeQc12psm6stq+acKVMK3NIyhdNNzsxYbEmrh6wiD2kFXqq0odwqWcaGFMUp2GGkbeGE8pZTZOoz6WQODjvDX6fzMBH2HjrvjHiOJA6TjdnfNJ\\zM+1O\\ESkMdEdpCniO+Zk3p7oKl4YkH1r465t7IsdZHbmCY8v6LzG6PX8g5dwSge\\6NRz77fdjXO3vV8vuoznrbr20d5VJ\\exLdXfwyH6DDopgUe7m+uzkf+r6KR+is5D3LPH8yKdV1X7TTpv1LWPjnrOTQaU+Hfx1j+HTooky0vvnZP5v0On9B46X+J5f107IIt5ZNRvnTL3yZq9k55o3tyMe34Ynh9JJ3udTvZjY0pvxvM9dB6n0U1Go640+O8kOT+DTkpg9tMyueFPbp+EJ8u9iidF\\TSdAn1xOfM9eN5fv3E9yZMhBW5\\D3fokzL7SL4n82o28leJz\\fTyVLvDcjTV1bbJeluPPn76Rzc2XXhb5HP+fl2J2YjM6MRz\\6d6eTer9rpr6Lzzrr2vh1NlzJHCf\\zmh22XXO6L6KT+7V0njRB\\RQ6z5fa31DXfuiVJPzmdRqfr9l3G9\\1fe5T4T6RTvKk1+gU78STe8Xy3DPKnmSCnH7eL+gU+m\\SJb\\o4noR\\wav\\ZW69jF+H3N\\j3zOL6KTkvgRzrLdtez+ZDo\\yi3i7vWLbtEpXKSTfgedDP8ev+hEdgKZo8mIQW\\974bmJ8pOivTsZl\\rwvARdH6aW3RDt7M3Lc8rdF6OKb17rf2uunYiPhlqyP0N2fw0OmmcMTKdkgFwnPgbukXsz9FJvYXODw15Dt6aRvd3jHN+uuxE12g65n86sPRpeLJvjHi+i07hciYI\\S7hOXh7XTvQOSArRNT\\p\\Mk7Emx9LgfyPEb0sm9TucxntTHZMhLx2l0tyxP\\p7VzDsqh0ennY3\\v1e0OyzVVcINqOFPrWh+GZ3cb0wn8246SSa88HfdPotOMnSTtFj6ybD870yncG216CKdwlvo5C\\T+ea6dobDxI8+0Pm\\R+dtiwaHaGI+3U947p\\pF7G3VfshIk8dEpVY8o29VZtJX7U8D5XDR0l0zA2\\6J117VP4j8WeLCeKHxznpL4wy+md572bQPzqyxm4nhl218JY\\Ht57S8T5M9EqPBWv+iETuktdL6trn08It46zixhP1JqUl9rv\\4EnQfBeV1+9l0YdkGl34jOy378q3T+rNf+rpgSc3fl8E7FjzEK33nrn8AM9ZvTeUTlayKUHk\\Q+nm3ayR+GZ73CM9OtwtvSKMT7qCTeSWmxNxN597yhC9h2DVV+ECY7hyf+hvQiQZIN+315lFIFwaJ7TD7TDw57q1+EfseOhFO6UKV0RUdc5fwZG6r9j2dr1cOHxVn8n0+54fCBJ+59HXJ9dRPyHdBwqnJN+kkFjTgOZa4d5dy3C8iPzwgfxFRHBCO85RuLbW\\TufrAfneb38bnbufu2kaH24nwmcOIun399nhQxoMcKg39YqMBTzHA\\r9yv3L6LwHT4om3TvoU6dIuFFfdKOu\\TymJL3o9vUanZe9dhCcZEgWTX14zS2+ufS7y07sKEv6SjLSTdVBPjjiudPvXm+\\37z8SDovh5iIwgBaJOGuuvZ76WReVg6\\oJO5m87RiHjrlMB2PszHIUo+8wFD\\5507ptIAJs8\\J1ReNIU9aptw4xJQ9NdXOluTsXP9ItY9i7HiDtKRaawITH88sCPwN5yjPqQ57W69rOGX8yJ2y4xzLkQ7cNKg2uVwz2WA2J4jvp8TvrjotmdL8SA2KQlMCeYO7zhXyQ78YxBuzFoHXe6nbor7jmguZ1nJP4WXvuddB4WjkBwMgwOmO2MrzvS6OhXE5VeLBwx5z2\\+uWie+jESNJgPCWjXj4qn3OfUC+hQKKJzhxIwpf47u+iE64f+HT6M4ZTfv00WZSeuOb7Hr9d\\IWrmf0iJn7h7412DFLKD851+\\vpfC3keXOt\\Vx4Eqe9b7v9sZzAR40andwY8zShk\\7d6EQkmR2cAmg6MEPuOQotYXj4fStGv7SuvVvEZDmWRnXeIwl\\gs4xulH89ko8\\nPq2kFy4l\\5o9rR7OPa4ALv4zPdZ\\4bys7+PHl6F4rHM+Xvu4SkAU4Xe09c6X4Mf7aA4zqdFIFzF\\OkyQV6ptuv0fmlde2k48eH9efss0cwPMMTM5bu6ex1++\\mFWE8BR2h3hrhiQ8n3fE21M41ek9k6efi8T9VwNFtAkNoZPs8kM6Jpu+k8y21mcw769pP4KQ\\MM5JlOWYl7qlItIqiyRL0b8fnTT6A9IufkLCSgzf+XA3j9Y9nxl1YXnxl9MpvonOg8VJFjHhfuelSFc1O\\UqneQ\\8xF0nhqex0H4j1ocYnaGHJEyNIgjfrD3238jOvtA9J44GrwDEPT8q9l0+BALLE9Hwuc5Rh9AJ\\eirh2JFHiGeEMU8YQBRPgr4IVJ36KTvkWn9D46r9e193CSzsbUx+VzUiR2yOyT60nSLk75ussZ\\mQ6j0+gc9t2i+c8mh5oftECCE\\+zvQAHpX7rr\\SDUpfEHzedW54sRzzzXXt1+HsbnLEHeLJyiXbqXTC1QD0GkKDC5p92s79Db92ql26ZnhK0gmdR8lzhwWjU91OouSjEf+zcU7qLEWO6oJn3Q6iKCVyVdLEnqOFT457UneeM\\zlAcVxr8yQTvz7jDE+i3GwvW5\\dfVz1LX3fMX6PKpW3+857MfWteKlQP319aJ+pfNuOg+34fcG2dG7R+ARdANb+rFDJM+1d45u\\t6H\\Phrfnu\\YMS8Nn5j0Ac9u5\\79XaEkyH5nNRHYiHtYmdkBYbHSPwAxyvx3TrMx6\\jv5FOcmb4KdBMH3rvVHwXHR4PyCkfHnjlYIDnBKTnW3X7XvgdUXtJVnJnzzvW5Owbou\\ciT8EsnNHYCfOeDTFmG5Fk\\yF2CPRebnz16uxpBteO39tetFJ\\fCYp+CyZT+Qip1E6vPh4fPHUMU+9YSXPjuoRL3hYYkhFxLZT8Q7TR9dxmRB8w4pTBrUXVoxutVB4fRZZIjm1eaylwXoO5I8u7tEdjL99DeakUhQbU+NRAvHNRzHofhjHq\\FPaXj2RuvCMyXOZ3HYU6QnNSHzlvvfhe6W1anOrOMx9oo+OiJZBqPeZr63PXMO+kEp1XCiGWfAYCRJIkkvjPdeD3+zsQVNBCw++x1BXw5C7T3ePaCcafrT\\2hlzLzvQnH1K5KgwYspUPWB0hR5BWFKcJFlnN7Ku+yO29anDtEr0U9TycdnItShvqAOOfh9RRx1rvVQBIxxEgSTcLWPDFQpH2s5vME6B10UkRaoINKk1UC8heGMyW5R31cgSh9+r7fHsdl77Nkj7cjwXAuQI4+JHx7oZtdwbz8cA\\BxBMMzsXYfRcS8fo6G7s\\iTH+wjQDQgQzgCiSEXH6bvTFRaJzS+nYkzrbbiY+s1euKHDexOFh+ZK68MvctZ1GOcHrwz8B\\I44AEzi+W5Rhe+Oz3z+ejt1z1Po3jZGOT\\uXUYePwegs7OMiU1K3\\l2iOf0vAnq6ATTl8COj0ZM4Nv3rskuceLYs7iJ4n2fEgk2YS4ncdZ7VU7egSxESGSYH+aowY49MT1Bx7GBvfG6f+NLhXSHWjr2YmSh1wU3QnHEUPqAtXX6PLItdKkUvQFHPvOdB0xSKOlfTSeRIEx3DhK\\i7MRQvi9M0T3qwf3hdAGXaLXCwE6OAaSPx\\GdzbFZzx5sT3c2J7evj1+f3yC1z08PR5t5JEHfC\\8T252G+nPfjRE4PiSG7z4rQ6q4GQ7NUtvXVhnBffomQn7Zozv3aTdexKBRNbCSJJ5F7Ii+bxg01H7AOPgnvTJz6Bz954kHZosFeDvjbqMx7xOAui4O9OvK+NnBQl0Kl7S7OD7t277Y7\\92W\\\\OGz\\3G3\\Otn+7w3bv8gX3sBb3dYf9B+n2+79\\9yd0Lc\\+nP8q9++77ZT2Dvij7YD8fB\\P3vomPbTa5e5Yzt9\\iEf7yw0hR8yWG7jTn\\36+pgaNN9lGDM\\\\K6Imq\\NoShLYbqtLu0S5nDxSwyj7RT7F9HJ\\gkmGMJcI4ev307x\\PPl3j+859X+PzXXVz+a0\\kHswrdP75As0\\ztD8frRdgPMinb1IJr3k4ObgopF+Idx0MxZ1oyqeH4\\IsPg+NkMRJxj9nz4K333mvwud0mCEawIk0EdUN935cL0ap2nhqzvqkiQEhht932P55y2R+ZLKNwjO\\skXsPznGZ6X2NzR+RLOF2g+PF0Sm0cGAqADdI5O0JPe6vKdds2hL0W8JAldVvD9pC57d8x0bjouuqAa7xIIfoeK4V5gMuCboi3cRzqJD8ePdykqXzwLlMNVAFQv37\\99ccJj2dIXqLybQodFfm\\\\u8Izv97QectybmX7CdoPr4QmqdQHlmtRDwS7YsycEAabPM9R2cu\\rH\\9J7tEJ\\jOGoAVwFmFeCHP+rz5KRO99OvNdf4UrtTQp+8D3TyEuY49tVunbNGC8IXny2uAqBSmsDn\\e3Pf5zh+c8PwfNf\\9qheRCch4NdMDivg\\ntRGpeJ\\PhnExiYO5UNq6Z9rXAA7oXCScBgBtonq91nK4LH\\cY6H+KAtJJMziQt8uFJ4MayGfOfPmUuFs9LMjSEFka6ANbnZFMTM\\jfPgvobP7K5GkfPrhLyAA0fzzFT4vAXqR0n+dGJqEyR2XeyLJDXyP29bmKZvfv9\\J5p7OMzixzGgwGuGHAPukc9l5Kjq5ayu69zTfJ4EpCiTmdDIdk0K7vqaz1+29Kfob0El18S6GotEi5sd9eh\\p\\UGoZU6ST7\\klHFJCuOr1Og7OMPE0Dyj859303lrQyz\\earH4cY\\XlfmV\\X5DQ\\9xPk5uOUEzd66BNlAkn+Jeu3XrE6XW19fdXtdsw\\7iCnFcczkCZvN95JSorvkeJLpQ33tPJmrdEqdFySRRTK6M4aJsO\\KngbS0UrSF9EJ0gOvkvEjwPmPP\\\\o8DwL6lwg9C2M\\nPH5IFNPOS\\\\rk78jmZLz30F9GjV4Xm5GBq7pxx\\hjOfsWQ7mu4zuuZL8nMe2Xn8JDXMMRiJJrihkNqDKc26CxOzDVGZwglw2Gx+hf0AqEOaRxdyimeFcjJMUNKhGmhV\\BM9\\ejhS913vBTYliaYkeP3\\\\645iQe\\h8ldPD40c3OjW+Y7L7ecs7f2Fqfn98qdAvSs1+aXdwhCbxxkESoC9ETHz8yzPE\\KdOyOTenIt9khG7c4iwdYiAcIosPQA6ca2YLLJgzIYhEagvNzxfdO2l+gDsmKxMYjrjmOkq3QZ7YcpIfdYH9RXW5u5ywYQTgRs\\fkeH6BaeN\\m8ve3o\\NdOavbysnvDw7veAPOSqXlNbE73YnMP5z5o1GU5813yb7cSQZKihH2CH\\cBdPZGJ1mlx0+eJTOyMc1xDJ9895mTLC1JOqrQ+VWaHcCUdo45gzGurhqvu3Rwqaa7gpg764Q\\6hwxIwH\\TOz4ET7\\Pwgpf17H882E\\uOExoNjTr737wC2BPl+A8xbTtDTjYjmMZm7WCZJdCHR5r4yEuhkSO3dWSX+m8cznql2oJNCmUmW6SmOxeIMaUzCniiZEAaMfwrMr6aTIsnfdJeggplCEl4yPZ14artsEIm\\M934Q8QnFtCTKhaKf\\zrO3pE\\\\jzBM+LfN4P6T9O1DdSird2Rm13fCIvD1Lz27d7ZObLhaBzU\\MgNQ9x9i7E3ufe0LvsZpYU1COe7Ntsy9cdIq7X6BTJecG0F\\iTj+AkGdKWp+teAFrz12p2+BNImIjSFQaPMa8PrOIxiPUuFZohpJIVd0n6EquzS2PYRtIqAAAgAElEQVTrrglMWAOb869+eYgAcw+gx6i+9tCf\\+iNy70m70TnbSvzojJ\\vErmwUEfn7DJH60AYTIQ6RuwD4ADnRImMcJ1ehec9+t1gJEl+p0lup3rijoHk4fJmEQU+a7hHi3R1K+jk\\RH6u1Jsjo0IEm2ncohtHaV7Efe0BcU5dHE0BXQnQS1\\u2vbzsR9gLPOxG9Budx\\LSD\\8i2fSkw98r8XWhODykdnSN0tDbZZwt1dQgdF0znIYHYFLB0mb2DzvutTq6HE3U7TeNtDtc2GVw7HR\\VZ\\yCkR3UcZYxLfXmJHrvGOmEeyQdiRH2HZPIEtEXpn2QdX1yTdD801\\fQK0TIv\\YSbQ\\r233grmzKo9f+GdnPPTK\\M8\\yJr+dSPzFTCvknnI4diBKe2WvYlwENhOq0t7nU8y8mnqw+jE1FFqByc4RwLBE37gJ02j0zaWuhbBv2Rw9jGdmPTNHNaESBQB6cSFIbpLQCVhz689TQaMc0w7pPiH773k\\OM4qvPnB2wdj\\i\\txq6t\\mDRP1vqvJTMC\\lw50lG02P\\PNzfX6UknFoYUsqReAhpp8hQyIXdyj2++gEF52m9oOaQcnD23M4CgG8eHYEZz\\Gs9oX9H01nUesdeUZh\\vgEAGt0gD1SZfN2blEn13mdKpHpM4qZ\\mnx+\\fOil2JDN3GL0bTHztiSN+8H0OyXkHNX6K5uObZOaF0NG+jkgi7djpfXY6iz1Cu1o7jpIklhVFAZ2SvhiF\\XmfCEsH92p9t1zUmZ5wReD0XYGfou0pHQuwr6bzkJCEac+9DO+aVBKDs88\\ZTozXfpcGX8waDvvi4gKPA8K4Hz6vkfm2wlGB67ux7QXwudH6eD\\sxOXf+x+fHuRoPmqyDxP0RwdL1MeodlF3el9HWeXuUaT8BHp3MRycJPFSA+RmSzxSamuBpD9OY+9K\\bo9TpxkLoZHSxR+Pj3H08wLk8J1K\\V7KQjSV+51q1NSl2a\\kBiBUwEAaEq9ZkAX3WefQMfYoKNnh5RdB5D8+0Cnu\\Zehh3+nsvLjssv4M58e3bHVxelJmTE21+WZ9LJ4mZXVNUocuy7j4OQZJQSgKTRBnjIzTF\\RyduwA8XBTsvmX6rjKJ4khHEcCWHTw8TBnhV9PZzSjolirpvnuOhNH4Md\\VOWHTyj7ISX3BWXWym8QIENIpgPDXgcp9UjwB6\\1g7hOYe6Nyf\\Bd4jDB8UIO3B1gnqUcnYG5i2qe5AwTF4juQ5pdrV0PMAl3Ap2kkg7\\IgIn\\nS0s6\\hpNBL7wQnTbpGwR8d3p0i+6jxZEJKNWhB+DV0Ul2vfobZWZYkoY9kcPIMicn3mR70111B3RkRzxEcoylKziMOj4s2OpbuhvHb6bazEjp\\B4\\US0vc8f3xIpZnBRfXZebognfOn8rMns1DyS7Cieh1o2e6Wgl8DRqcrMjtOkBQr3js99idwD+xEwTSOUjEFjcoVCkaO5+wfbcAYTDdpytRvyDeSTIncYkIv5GoUd87lepzL45yCr8izkkJ+3AfngGcz+ABODnRun99+5itOxZWp\\VQ9tJyd+vxJZmvVgK9LMo81P6cCc1D\\vbujyv1a0Fdm3qGVM1IfUsLmt2nIbGd6GTf67EPOwwF0jyEOO2dBUpEaC9PSa48piPDb\\FrnKJOUYOoJLXLpHVX5\\5I+9EamFtIf9VsRGonNvsoMFFzzATddYLkXzuxdvrzrVt3KMLlTlT+9R137mQlcYJAXr\\O5eSFkXkcaj\\Lhzsh81ihU51bynSxdtSuAopIND0pFl100jn0JI70U3SKYpfLiaYmemLD7h5xjYi+54gfT7KXBH405elfMj+7i25KPQvo95D2YrsRwpg61deO7iT7p2Lat24Y71pLoQRlpg8Pj71RSKxAxKr\\dozsJQpPV3X+OgsM7STkX7tnAYJEj3fG5usC8xKbJ3bmWeDoAOdpUI8icxOkXX9lDHcS\\xyBxeahXQ+GQ6PHvvvCT9AJ0EkC18eQSGYatQ8s4cXBkuS6LkmEYsYj\\lfZnSRvUNp1ZhmP+0bbvSiX8My+Rm726wAs3SU5C5Q0Ai8Ng24PO1Owl21\\\\dRGjtBB2UnK\\njfj2Ql2X\\WfOEKlS8Kgo5T4Y7tzHOhuZ8W101NQD3eNQ6R+kQk9NNxPgz9snne7W6QSPLtjPhDKIng2bHZD5KCPRLF7XqMoIEK0pNkI7Nfn31M2q30rjoRnMxxX0Zpb3h+xXI\\xlmZMWa+Sig4wejE5bSHnXz7\\j46OxjPtp7ATlj+dZ5b9HgG52tknq4BHZuZzIu63mNbs08kBmOP9P7u4kedz0NacZLgO\\Wya5n4qsN+k07U6Ls4J0f1acfDQ0heOKETXaMpfyiF+ELZSZyi3Zt2DSKkIzpphpe+zMQQusZaEjE1+NEAxPpoMnl4JPLtIDpfbH8dsP1+13ZmUfY7n54OShxvPFzvgXAuMk9zNPnjpmQSfcnQPGKT6HCJrAQxpF33nkaUo5fpvCOc9Eo1Edc3qUTDk+rjR33gEy6LPga6sz1xjPkvUO6HnptUVxnQ92U8ThL6yrMieaRU170fZLg0IpKTAPTXvehdAfL6thOhx2GiezX5if9zQWRKfXODUztzTydp7MWyElm17JqJ9aHMzoempBdJSR+U2Umo6+JIwk547rNBjmaadqKWHk97C+8raThZZudJMclg35fxq4MIXZgV\\gbgiZF5K8xoPH36\\teezv7W48\\BeKTBH592Srz3fS60B7suMU+axlwiU7rRq+tkpraESzbd6iXCCZodO6b2P5jTpKSPorOvEBYwn7PLnBvu5OdJ4XufBMqA596D\\Au6LaCB2eeCDPhfkgRNVtSlbmkA+4dRPErOx855Ru196ke\\fzvpM4f3sUXd7saeydc1+YlffqrNLwSOhKMeySdjDnc5mySABDeASNToAi6xd5M5XrhF4s8uE\\WefWdgins8j4fnnjRhADw725P6Fb1AukxstsN0V1n\\pWKTxA7IEhWuEo3HEvbwnnTNCZ\\6yPj37x+D5EGDH5B86m6+gPLY85ked3Xs+wZe6G30oq8RJbxo4NH39aQ6H71rqUxagOPIQ0yVA1oIoyQM+il0glkhsV3JG4nJcy+HP+9VPdwQxoAn\\UvoBGG1awKO6SDjL65vwmQkkmaCEYPBmGQ3SjwGOjuti1g+Pb6Jzt6zubKdENmJym73VSqP40XjC604j5twClecoBftZVEqYscikJlERqJLRGEUCZU5YIoKH9eKzgcy\\CydaFmiO3RI\\+iE57nQFAmZ\\dqSNJoS5f7ldPZ973adYvcN6z\\\\7bvPsM9\\J1Wp8PEKpLnyuKPnqWOz6\\Z6QR4eScbHGzy+DKU\\dM1hkU2EkuB5gc1j32dwWZeftYM7nkN4sfN2N7eYA2UhdXNmSDoSicfTHLhItETKiCQag54sroRfkJ0\\BScRnexJFxBa4IY3eivDFw1\\jQEpovmidXfqoFmPs5BP05A\\2SsDL6gbb9glSpE6emwkOX7YryUehXneuV3sh9yp8Yd952Rg9ah\\8XnT8LNWmWdoXm5TeKUvfLeOTuxNvEOykVCn80R+Mn0FB3pKZM39Mzz2PqZ0lHZM3ZzTQxLu+NHoK+Oeh6vgOCme4b+m5FLorgFmzPTTlUnEACtBR9PxaNLLxcePgvGaH45tDxDLh4c+Ufi00fBZs3DmUlNt+kqw\\drUAlIuhIvoWJreLWKCgEQ6SSEsabZAkVSlqzPqfjLv+AxFLC96ZRYkeu78ZNpXnn0hnecuypfFOPvM+92QUKqbrkxJo9EArM6Hx96T\\gAsJ5e26fECed8Fm7S0v0DlJb\\8VGSe5RzdghOQlMgIOW4\\whhQFbBDDSVyRH5S3L6tgvjxovOUTvTJ2ddn7w1FekS6e355ROmXbcxRhAAD0iThmedHuzBPF4Y8Y\\AO+Xibyx7L80DR+MIkAp5\\tecwLVxW58JVOvE3FQ7uEU3SkSiGrGIKUh\\kZD+PzrPunv2a0A08e+UOeHaBpa+Ie1LCRQOX+rqrg9lPMaT6kbZYR8+P0Ax87D2dUz\\m55A88cWnJ6NpxoPLAzJe0+XX4HwpRQ8ReJpIzt0EIqzRZbClq8CJLCp3IjzZXnZemg7282Ce0fnq5NL+pzQF6Ul9TdyT+moczzeJDHE4LgTFJtDSlEjOPkx+t5QkDvjDPUweUoouGZgvJgRIL4a33OjTfkTn1VFZNE53P1ou6scFkJHGEqk53KcmXR5d9wF0vnUGefcSjh6MSBvVr6OTvrRs+QWWL4VN7o6bR+EaJtAxnu7iOxfoPJtLtPe475WWZyvko3E\\dHJwOmnlzMZkbsrLG3QeDcuijkbDdl764T4ZVEeiS6SqiD4sYIov58iz3P29aK5YnWejuW6zupeteAOz5Zlf5xV92QI\\aQ867md1YbyTVIWCWieWJQn2HETiPUq7c3OARjAMBpPJmAz8WYwmwfQBbo9BKU3H4wkPZPKjdcCPR9txwMAZzMeDQAoCvp9qxjNLQCWQtoxUBkzJMOWAKeeStFpKZSlRzIqSAiXTy2wl6IouUSBJ8hXN6tRSZDL4xbIlRyurFavrIStQZpgJ4SrXlZDiKHG14qjlAN6MEXROyTlWCPNBIFBZyfBzKaelXBM0TRH0OSeHIZApZ6HMcqZJ5Ro7pLRQUbhMVzVFNRXZ1FRVzk0uhFuyIIemloUhK1\\lNtfMXNGGudlukiRxZC00ZZk1uV22B7zjPG0q+TqlYhf3BDwPcc9fO5\\9c94W0\\MG3ajvQbdPGpAgC42xpPuE4jUpOXiYTh+ma8ATw0PwfcBP11OyykMG8g6CUSDxky289ygAaT0q6WC03TL8dsnQQYnZKPA4cCkxy6VEL1f6csUvcUGFZ6UVTTNlqyznCk3nwSooBV2QaEmBX2ElcQAlW2pSLsmZULIlGcFGhRQVKrmc6RwtcpLAlCuaoUewUwuXIc2DN8hR7DLgaYVahVmocWamhaEcslQYDkVTGWZLgJwackOOFfNhyLZyy2WqHuq5qgyHyjBcaVpIq2wuc0NNM6\\RqYYaiF1dSX78G7fnKg\\DkDP30jEMNevf\\\\6h3I7Ks8yUBJb21ud\\HZ39fATpMA1UIp1wKI5lJk9HA\\7esk27YDp+rUf8dAIW0mASjCcD5BM5nWIr4QED+0fYtIwZ82NhNJLGJRoU5ZoWAoYJ6IAJQIszK0mHHwAn\\NeZUNdpiZIULEBrqRJkZgu3BYnVldUSBKC4ohVJoFc5t1LaUmJzIafDlQBwcqKgZyylKG0maCtdCKUBnVEMDjQRuJALBLRAVVaXlqtSCLWMGoaZSWkmC5hiu1eWC7G0nIXvlChouSCaQw5kZaaapqgJioqanhIpVVYVUWfhgat0hmAnCKbq\\3u32ao51Dh2t3CpahFw+8ze8I3I4ibfB5Y+2Tf6lRElmkxL6GZvSl2HMUx9wDoipHP6NnG5Mynx\\igACYlR9SkG1ieDNUhMUKX8YI05BDjPjOe3wUAZSVOeL6WAGazGkr5mgvUcnjUGHV6C5NzSOl1i86I5Xer0NmjLVqLm1GqJSzk6YCYBfRQtBYKyzKVBTgsZJWMVrs6FKCwFVs9ynKAthCAZM1DJWchl2mpbCkuZhSuAl9hy3Q4CVpWGK1DfcGUEQq4pQcgqatuqCgCpZ5IIahtEHKhgKsw4WQyzLBRMzZTZMA8pkJSCLOb60NRBR8+HJqcNr9IJklMO1ZqA2YnPCq4iTduFNDkFwX1e3Q58gvSkB9N9Cxvqv41Oui9Y71emupmwpDE0JyGVJB9j+iYs+4g6SEmQl2tMWJgEaF7C3RG\\AA0ujQaL7QjcLmnEMKOSGTDBkl9JQclMwLwI1sDfkmaWA9DSPNAH6pqnma0u8fqKVJNTgCyo+GCl07lAZ0wWLldgnuaKspJQIlLCiqIZ4HKVCfpqGepli2odXCIuU2g5W6pqlpW5IgUslbFgHoLmYEppwGUUNVxmYa7otB5IK5PWZJCIKGw5JdSUoZKbupaBzmY1UN8yp8h6qA2BdNDrQ4BSEUMQtRyYjxrYA0PTvO4uySGYmg5y6UaL6hlJbBUt3A820FLCrXLTdSeFmwRP6pMh+lWykwQ2++q6ro6eTJMgixFkTfGhW\\I+9nWOZ\\leQpOMO0WlvXbsMRiWAWY6BThwKRg0mzYItjoIp4Dml\\DQmm8m+srZzAE3CszLvKocChwVKRfAyNRZ3VnTLBAYDIdByOmZtmRMbdm2DuhsvsopRWdXGXjX7TxNn3J20chwKxDZP3htJWjwAp1VnWYTKSuQlpqutvLQaYa6utm0us7KijL5q4XTWeoaaFY512Ru3uTbDRNqusnJsmwu5WEoqxzdlK2cyfMqUpw0zdVmLpuSqq4q8G+GmlOa6VxRHypVN01ZEGU82pC6iicLRibrAYCJaJq6auAtVQY7tQ9o0jNijravhj2JFBkxnxxV+mV0kkYXfQUy081zwPJqekw4mzyc5GPst8sC8yiejlGi6XbjMYOqiKrGKRYbe9M80JtNao8rO3qYOJt0k\\LrReo5adUkjh056WBdbSrbW9CbdFGlVVrCXqNqA7pK5xt7XaVr5w\\Yt4jSjeFsqsbYzKMonbSOvV7bRuM01UMD99OF7aTwT0nT+WqeRnbSeI4olVWTN43ixJbZVl4Dh1+VTbVoolEU\\bl24OUAnhIlllLNotThq6qCoy+U1FmnExWeWKlNtYkq16rgrKP5AvZsDKUFXmeV6sI14LiNCodwmsieq\\nwhvAESbkA0TlrW0Vd5QuQns95KCt9dRubdDqfejWyRFyj6Uj6ggLyX7dRfUo85uxhy0hh0OVhAJ247v2SzttwdnSOysbVnww\\nrkzzzWMZyPRi3jmW0acuI07M2ZGoxfezPIMq\\B814uDxqgTy1iMYy82\\GevNgzXqAJpYfjWDL8Kz7UNz\\V91ygMIzZcpyhmUel6bgzHgWMXlhfbrhvDP89L3FmjwtFtqzacPHcMyzaMxDUscePDu\\oJl8KT6v9E8Fzb8Gd+De\\j+b7qzFzPr2dw1rHv1b6RPDtKXfi+7cdu4c5i1\\KNIrIsw09mbeRGxaxSLDs2bDiE51ozeMBVc3CmrkeUMtkGi7MywU4wZQ1pdExT7YQiK\\Wu\\OqWz75vdINWEyMI\\610YpOkrp8YjvagcZXs7m3UTS0\\EZwAJjg9wajcxFljLTzfeQZYNm5as4VrP3m+UVuVGzdWki69tWVEgIalG+5Ir+DzLgpuDEj5jlt5AEI8CeEgSt1ERuxY9ax4hs9ejmrX8GsL6KzTbAWwuHPXslLHiAvD9rxy7cUPiRElm+Es9i1APpDDhefFM0DooVglIHfTKDaBRQDw\\7X3Jcxtcsu2bEYJSVYunAcVimIuOAzFLBBSSf7O\\\\9Tr3tvJA\\xlMR2fHMPGWzLEgKx6O7Vvbr33q3tPLxx+51Hbt0hM\\cZ3AFu7\\qRe3Rvz32Ul47r+rndSjW8zo3CpRukbtZ7uWsAOvNgb7hFYHeFv6u1KEpv3UB3ICB4Dp06UCZw57cXtKWAxc40IJZdSFxSZfCr3Yue\\T5QJdTqqHfG8\\1lbX8qo3SNp1XWe4mLwCMRfCM0H1rMe7KiFaCTP592J892o+C7XXd2H3h1VYPlytwQ7CSYq7ou4sC10dS5YR6GadW7uyAPN2DlbNt3T5ld11H\\jfPtOgJ7FYBTDsAUdmEdBIFbgylzbfdUpbvaDuqdG0T4cBZGYf4fOwPb5tr\\Y2Ru1wVgq9PRB0MY1G7kZobngvnN68oDSHewZ8T6t6yPoi4Lu0BKo6Dr6pPbwtco64Isd4jbtXUARhgOAY4+B8jbQQGHoh8j181aKwMf0dl5FuWBexN6ueEsgCc9l++UzAG8eXSBmA4\\2JpuSmZSMbrUAmm\\bd6ETrC14KvUq0Tir7Kd8\\ARnobWdCLLm43mart6LA1mdXJAJ+BTvnGD3gvaXigCv\\je+2158na1X7up50KU1rbf9LQGF1n7fh\\4rSCkbu77nj96ddFvTxB71n7vuQLndRAOpu1NWwQpmLTW9YtTl6deXxe+Xwpe3aeu1+Y7L4VnQASZtf1p67fdbbv4HvSb1u\\z2uDrrunqI7yYwBukXnDWwWr639uu7cO2v2nh\\dzUr0+GWPh1kabtpndDfwi8va9Zrb\\3087z06Jr4ZtiD2+Y+qm3Novcb3ujbXPPz70Gd2G0\\0kNSSuf72QXF5jQzC8Qc9CQivpSAjJ\\QJJkj\\iI\\gZo0pq7sKKzkbm\\EZ0KmacgUqTyTxPxl8LMJ9Ap4yJQ8loXhCaeZKHh4xIouzB9K6pYjGNtsqZGiC1c1TA+TLGgcSM8UVAq2Yrjxir1wdIFcdCrceOrgm5ZliMAAT8AS9d0zSG6Llalk1SalSSxqZelI0rfek3iKkCFBtffKRet7a45TdQSadT2KbB1UdQOVcJpSTma4HbLs6ouHc0yKxPeYFItDYxXlThCAigBx8w5mrdfJIZUStbSkaTENERTM80FcH1JM4DMJ1jfdETThNgRrJ4llVqla6beGCMg7XlW5FTLFpx5f0FZEgAHGgzJ0CD47DEI1QCd\\4hvs50LTE5vefVvrGReDSfO0F\\gyrY3m59C5\\oHdK7Bcq4AmxB7YtPx8TzEvMzHsizH8ZEXtscG\\f5atoRBXTdDrDbqej0MlkLiYYh19TzF6hAPVlPyqmqJWMS0ODUmMgdPtawmrhTrSCwdXjCIXKMrIj9apaITPRZFJVYOzWhN3CQeB0VXkoOlj5M0DqJQJfAaTi8Jp1fJIKxjS7Iq0eEqEY6klA9EskZ4umjoorR0LElv9MrQK9WRRF3U4EXE4A6JbiiSqY+G6CSlYST6WGnGWC4cbTTHRaJXHAA30aRl6TybjV+YBmY0\\SvEgBb9A+Z26ZiHEbx8ZppoO7nF2+C5pMyd\\7A+ij9nO2kXEZOwoipbQc3czdvQ+ZgLrddXjK54qjjay\\wGABmf5JWV3ujxWVZXE4lx6g5PLLTYsRULUzzxiq6u\\G+Y9SRDHBNhOhO\\XH0bhnKvk8ZKtqllcZxKEl09VOlGnMqyJKlaiftNNU6copeTOCai2oxpYyplpZW6dBi5yuKaw+gftJIDfCWl6FiiBhZZSRzLOqdlUi0dFSzgOJ1ja0r358qsCPGTUSzBQkuJU8Xp3lyWi8QpEzCsppOY+z0YyP1YaqZlGelBqwywtYuULA77oQQrrOsaoNORzBds59JAPO6vEEOstsbCTDSN\\sLR3oTOO0UTx29XbKWgv4uz362fzZqlL209b+Hqz6KT5\\nVWl5vtptgJRxPoXXD1\\4mlbebYSML8GW\\Xm\\WyuY4bG+UNI2nJo3boF8d1+dJsACK8kjCvR8E7SHZxNbxfHMaNuejVar7pjnWbRJvue3Qy8f4mz8ehVgiaqLH+6o6N6fjZih5mexHh5j8cZy05tTIZSkOe048lsZwCFK9ORw0o8g1cb8npiIOzWLDp7F\\cq2jccpPTaNbR70URcspulwDOJ4N3qyOyTCYWuFJTeKCy98unaE9643p6M14agaj3WuWsSi8hebAn+XzYWepL9376JTQm\\fSQksMGo9CmBC9WCv6AZ5LTkbm\\jF5zz+b76TvjlpFEfOcbzCdDJDbZ0jRen2kEk3+xg69Wz8Obu361sVkY7HLwt1p7Hc7zD3+p7V33s4+RbtibOGpYZfvbO\\keZHdWvwA6IxuPavfZcXO7r1wBzx+9OygtW9by4VdeF6+C3tvtwsj+diltbvzgMMXXhgWNjx5W4r7cAfkKfe8sF5udrve3eUdHJK7C3yvz27ryrej3q0LOzrZmL3MbmH\\7q4rdlFv2xsDuFNXd66du7C\\AvYPh2oUXWYX9q1X7Fxv5\\ahO5jRrvOKyPV8CV4RhQZwcvDtzyvoTF0K7qPTxCi0WJqmgQX225HVj16osz8xJIRbb1f8xywo8Mez8WA9lwuO6ofeSNm3P5rO63aGuHK9aupdGATD98i3wzQKIg9Q4MFDVZ4Hp8iDK37q6tpz69DVfHeH2SI\\cIva62wvsYZo42eBX4WBHeZ53UWYH3UAYOHJbaust\\vMDdqsc4PcC3wtq7NbN4xa3IHtZl7u+lJS5H0WpW7t2p7mB30UHMMwOmV5XfR56BXd8j8h3DGuG9mZ6xXwxOzU2XmX7VIAcd4nmQ\\g7IrADr5FrZ3JeXcTaUXuhW6WRvY+sIu82+XjMrrJMjho92RkmIF1FrRRfVE+i85kGQI6zxeMGSe0nYZjLtp\\8JtESyhn11Avuki0VzF6GRLCZnVwfxs6scWfW13iybdFnc+azvWRj9d8PHh27kXbTXiyw+9ZFAA6wWLmdZUX7jc7CsAiBl1ehGHmWmAvAZ1hG9RFEAW2txbiqC3cwDftrs4Kz3W7FuyTFQGmC\\dkuX50ClzXdwGIRe+elsVtAYbRTSM3ADB1RZH7TdV3XpbB8wDv3PcuDQFTeRAGsCOvDnMv1zu39ndh5wJeC88P8yxDQ5nZfp21eaG5iGQ3zO3sBm6xYJ+5fqj3AYAz9MMwzWx4Ur5LtSzNIniPqNXxfikq01widXq2VmQ6FJ3kik5qO41FYuywvFk5JrWdeuIkiSQlb2NGCwVsC0\\+Os\\O3LrC3wPe76ETOPsZWLsf2afsFGPpchcUJ9v26j08ZPVt\\Q2Ll0UI\\rGvg7AT28iu3a6IbgvbzkOA8Fkrbm0\\z6seIN0Ddjy\\6E8Guu1s50ue38EvvbT2YA9t7mt+FLuh56UuBAYAvPZUFLV4zG67Dhx1HrnV3vte1LdeDvYu6FO8M8BLt2EG8YFnZ0W\\CbO6D9wohP8KO+tbrKvbEbyzG0X5Ht6uButo92afZ1GXRQUemN8XYXRc5ANGD13u6wVEHq6eHJyltNCfzcabEkWnekGXSPNL4NlZNmkhSTqiUxEt06C6utfRiU0geAX5D+4GV0wAACAASURBVJiQ\\afRiRMk+Tsi\\rOMff0YneDc5e262ezjFOfTnuXNUVa3abwCCiyrxy2RG3U1FJH9XR7i4\\48TZtm4nV9HaTyGUi72kzyYb+ZJjke92RqgOifOWFSzXgg1pFX9XOsWGIjN7p+1BuxPMjSoSTAishhHI\\NMCqSlPaaUnk5ZqbGjW4NeqmXg1keq2mwkkaqDrpSWgM3iaLTjJVungepqqq9tGxG7Whp8CRdh\\1X1aBLk8ZJukm0cr+YKq0Zx6Ex9LPuNNXiOBiaqBlWNUrLSq8svWqSJeZFy2dN59JcOsh6jtdsPEWnWTa3\\\\53qCWJscSM0j\\A4E3DAPv5pm44gKiwxaw8x\\11thMdw4YWJ7evo3P1CjpXMr\\m5fUqXpFmO60EeX2O9zFmj4RYjQe+AdI0NPG+9wU1VtVYVks5Xk\\yYKVDzFvyJPBjrCRCXAqq0ljcIRYsALR1WI3WYSDi1IiicFDiBNO10zRZum4pumQpQmI1zlRJZcIpI7EOibzXJrNKrDIh0kGsgMZjNj\\RRWVc6mNp6phR1+HLNDlAZQ6iXo1LrYTID\\5WulOVpamJpXZI9ESsRlMv4ZvR0RbawdG0EiJDLW60xBEXxlgaxEF1sqNJAD+He8GzL53sPjoXDJ1Oh1SpTJylQ9FplI6TOGZVvalVcylJs+3829DJUdkcT6dwbH8+n3QB5RWe8pzvjNfbtTwAQRLOK1Xe4ppgsiDH53ikus8htlSBxMI5FvbygBKUuBmEc0OUYRj4s0XO+jA0g0zKprEIIPBArMSyhIN63FelkBwGeOhQWgehEsqRiFYjAlRL7sCVJRFMnViA26QcAF9cM3HWyDWVbo0K11jioGpWUo2WpFSlBXg19AEwzGmNBH51XIrkUBqaZTrJZJaiYZQj8hxjWYJRXAJCzURUdM0Bg7y0TNEaAbWwP6c8DJimX3CatHghGy8xIF4zSjQ3T7NJHbxXBQeDnn0wdFR9Gsbb4k4OaZHK\\XWeHTm7CJ\\+evs+6EQlHr+Vhcn6l+ut4gms4ffeEhR+IoMQx40cxxNRJzUm6jAO4Aq16WAdrLJUyqlsavCk3JRoZYlQdCZNsw6coJiCNoHdEwpSWkBlAlJZpBgNZVINLbESrZC10RhOqaGDO5awyAPXtkgrPc3FUTeqRdpjF9CkAXgAdQ4YRS1xOUdaaAsrkapTn4gLRzmd9ma\\H42krKQF7MRrNUkTYU+Co3GeKZmHpNKq0TC8U9uLiVEBejRnWZpGAq5d9IHSk6VowBOUZ9HpiI53v1ZEc\\Nb\\P\\ft7vdLWw7FNHBl1zXFkvtbeVMebP9mIznn0YnLm6IfQDrDRUe\\Ro67zw8M53qxnX7qGijum+\\nYBMnMjK+49fnE5WmuWpW6dqGninoPCDzu2LDNUhod+G4ffQs6w+OKGiI0BNR5ud0qBuff973bW778N4ysbI89NT27q+dexc39\\2uzbvVgY8kvu+Xxd5fdTSbufnbuu2wbc+k49tEbTG0S1yd5\\De3V9ltpBv8kKvwZes8t7lKcUdj62p9pda+0Z3hhov79vc9e\\7eG9b2\\cfNT7Bt6lzftit5faLPVdv633RbDR9bpuvcxth1Pb5fUpeRadEqsOXdGJufm1nv\\7hy3C0vvyLWlP5A28+iFj3L\\AHKWrJv7V0HN1j7GvH4addGAChpyAz23jB3YQhGFtR3nuurs8nE47O8hu\\1W59q5zd0WZ1ajHDLIdSjRvgTADJ8\\tyLP9JkQ5L7wyDCKUBodA+4Fed3YXbg\\VydW9CCk2EP\\Sd6Mg992g29m5nrt25wG3ruGHZY1iYDfIbOBfndh2thdp\\i6Hg7C9YJffRpGdR2FkR1nmulmwi8Kd52a9CZQ8KPSuwBdikj0LvcAuaruL4MBbIyuiXWDXXRfqwy6IwqAA6g\\W3DxlHt1TCjuDJz\\P2RcOyuS8JfYVgwk3MQcvLbuHyETzmRmW8\\wIBjrOe5YsAyNa\\Z3aeHYMNK3ErOes3nwbOh+xdfqfsI7l5hTtsiy00xpwVdfuMdz0t4GX38oWXNE8tIsySn07dqOTCwBoo9Z2YzviszB22000esEYBjeBx3B77LI+7+Cid+Dn21rv\\uP1mVtEruaHdlD7dV3vgsLyMJlZuF6xywotSvOw9e0wG4Mo1fyuS0PLd\\\\fLqjdIQpubl03SvEYA98L+zbauV20dztf69ziVIz+rg6NGvNGXa1H0SmzXTidyNfAvO7czM29zjnedq4H94Od3cKTimLsMrcOUnAanh\\oz09GdI6AvaB0EqtCYkb1ndTbz7j8Z4ZnIGomMRavj\\0SttfuzL8PndyVGl09+7P28zXGTue\\rnj++D82tlm44W1u72oXjIvyDYARZvkIFjEAO2XVNlguu+vdU5b1Weva2INhg4FK4xC7PYIMi0zwYNBFuJcMTFmYF0Z7G+1a+NH9TxRoPbwC\\gbwy5NZd8U32669Ngx6zYt2nQ2Ygn25qd667iYywA\\bYOkiN9pjC8kNiqEB9zU8FUxwmHZuvugg4ChE\\bbtwiiD2wiOPYe9w3vDk9PF\\nYfuW6eF\\ZWtyEgQYU9\\CrX4UaAd+pyQHyR+3Xz\\IiaZIm9RCanAcMyDewx6rTFPr3bUBvvb9LGTBzJeBGclGWp282acH8zOhUFh0cqq9cyni9JO+9NdF8PaX\\y03\\Jp117atNvYbFX936\\8VN\\2vTtsW9T9dh\\P3r+ZpXGN\\463W6xf633V4Ufl2m\\94vtfpWmRcoX6djbfttuTu3G92+muC\\2kn\\a71NvPymtv\\H7YwphqODs030Fe94b7Ukn46ltTqcmPRbHbVzq69RKVfXI+e0mbMdUuznt09Hf9+lxOFppO6Sn897an+FZw3nPi4ZvDUV6FL6337PW2qfwfun+1CaOvq+G0\\54PPuDk\\bnY9H4\\bjvB83w\\Sbdn\\nWPw57sn92\\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\\11YmlMiY\\93t4S9UMO5NAxTo7ZTHCW4IUxNeznuvMac3N+NTkyWiUtRXf+EX3+k7GTaTkCnLPCycmrBk\\ZnLhaUWIixZARQnPhzXx8AZiTut1Ky\\T7Fh2GSS77\\n+04lTjRaygTwdycAC6+euA4beKmGwjohPJgllYyOYCIY8ppqkSIXonKpKnfSp1LVwA\\gEalcdhrUS5No9Q4x0rSSauMMhnF0VFOg9EOjkn2Wmk2qWngcxZT6WhlAt86huFYrWr4K0czl4npAyBRrKlJjlM6vpOcdFPVFNMxRV07NQa8meFgwRF+u\\fN0jEnnNHgmIsk0aUX5sUnS8wp\\ZMf9X32byo4Bht67eTQkhDVxyjFM5PEeRGdaE2uTW9\\IzqvGVzCmLvwQlr+YbPbBZwP0Yl+fc2vYj+ob\\o02PbppvdP6RHizRt\\f7M\\2m663\\inttgWfhEejqf2+P3oh5n\\r9Mgb\\qUnE77f0H4eNrs+nSdtv4wtsC+vw3+BoLNUwr\\59nxdN6cb9J2Y6Y4NOF0jLyl1fqa7yu+P\\Sp5LfSd388+f6OT+Ap2ya9aZt2aAP\\m+\\bxzbtM23wT9K+r9LT3ojT1kr9\\Uk\\DX6W+j5J\\c0udZIS9naGsBN\\Mk6pnybG+XTc60fXb1PH9w+m3vr7s5ye9IoTE9EAnrM0wbs\\X8k0jEUy0iFf\\9xSep6bqFg2LptGa0WjuEiWpiOaL1pO9TLq62+PO+mBYAMHmdUgqyf8+z3G\\iifdBkPC8Emz5+3Q2vfAu92A2DUwS6yd74SAik\\ucBIg7oHLhxmdWQHkdXf2nndRkEAJLstM1Qio2C5ziIXnlnkt3mj9Tvv5AEjtjN4iWtHkQ1\\cObBra\\aQeHuoszOrcLGJKkbhW4Qevg9Tkuob7djGIW179qh23X2zsvsGo7L7kLJ39l5FAGzj5w1JlUxZdDV4Q4HM+zCbuc7Zhu6Xu\\hsIfbVILdhXvJDbNuD7vahUVgtyYctlsUdf7G1d0WWuk4lTbY19Smi4NA79YpMhzJfnWO0qUfE2NO8tGg+DLoxNWdHuQ9Vz+VT6Kmc7WSz7FcF\\3OPYYujlToAZ2n8w4QieUdt677sE4BQcHO88SiLmoXTGcGGCiswK\\detfVLU2m53VfB5pltXZxGm+LLE1vw12W5oAkAP1NVxf6FAFIMj9wWyPaFLuiCvwjoCaEJxRjG9h5ZvqZ0aMadAiDcJ\\37s7r2uDW87S29u16jP6zz8Z9R6KwDaTQtfe5vbOjrnWzkVumtpv3tdv5bnaossyvUz2q\\GDv5oHfu92uEIPUC4r+LehkEE0WTrKojH3Ehn78kw8a2NI7E2maVfbPP7vh9QrRklrO\\0PoROf+wjyQt6FzLa9j1QsCTCEGEZjCInADf9jlbpDv0tKtgywL6jC0u10eSAUgEOxXFoBdLMyszsLAzrxTBo+EXZbV9dY3Cts\\FbsgKoJdDuiF3dleF3g4boF3wciGaRQVI7W3eYiqTnhxB08Aa1hHzRHwS1WZmRvlmQtmNgPD6GVL3\\OzoLDdYzDu7SKCvfRRBjbczbqua7PstK\\8LnLhb91mUaq5UZunRli4oYc5TzfKwsLovLBzwZS+FZ3O0kycZaVVqRdFgbcfIVRNgCld0ZmI5\\S4f0MFky0N8ynpxi8DUbqOzzNSzxemLNxbh3q9llfqPg\\bOmxPbeT139IwXwmnsPAzN52K1A36Ooz6PnD\\5cY+xIZYUCpOtXtSXbsAK1e0N0Xuep7XwbP8XkqjMMt9rw+KNig6u0jzPjz5Yd2mVVODEYMQtvWW+7A+1m6a1W0Atq47AsJct603ehH4XtbbOIsBbhN4LPfAXNdkA8FtEfp905fDLth7lmdDNBl0aV23EMt6ea4dXXdfB+1p33qtdir803lso7bIijaHw6jrk7nPb9vabU9vXsug0hYHR7TMcikSY1EuYtNZatw1c+Q4yRKY+iuZJJwdv\\4EcH4xdFLFEl0S50dy9IZkJ64+u1ora76JD0QlZRyrcmwJ8SjHQ0wa\\PYQHyoZDKrVKMSKlXEtyoNuNdZwEGMxvzFifbSIIuqVIlWWIllaM5WiNljjVFnaWFZ5Ko2WXpW6bhArGfXKGqum0pODpXGWaB4Sk9McBbh0qeGFBi5tHCxT33rVMrEclMFpS00CcjKJRiklw7IcjcW+Xpga0GXdlAwRBU6SZejn75jphE2vKqlKUFhM5y0A6RaN3tclQ09MU+9SiBu1t4LTNEtTchJHhN0ujVFKsBNJlK62U9MqCY3rKzNAljiN7RMW1fpitpM6d6wa\\UiKnjSdPyzmAqYT19iM43UcH6dJODfyXl3FgqDjNE9VHQQhlve+ehgmISZ7mZBGieODJarxYdquAbCCelDiUiaKRUqBTLpixVMzKVNzKJVJP8vcgTtU06FSRKsRDiKnSuUklVY1cbpellZJJq1UyUGbRI5w1lQqUlJWxllLAMFTkhAF\\iWJCkCedE3TraSURKLhmgfTEqeC6pjndxLRcaykMg+ipTvLpSQ65ShNjuVwmmhY8DIzWXA4EHk\\LqUDeesqMI5zMDVTgh0vAIRiJS5HQ1ouroFnkmAqSXvFs0vYCCYT5f+a7UTrSanRk6Ro+zo6V7IMf+PVIW794hTHsr\\G5QnI1p+m46DKgEm5BEsaxwI5WocYKFQsWGvf99NBUErhbFVxynODZenHb9bgN4NCBqXBPvPvA9H3qURUTSBiXIKFrbTJ0q2DCIa6anRdOaiVrhr6UInVIOFYealSOGMAU6yPujhWho5rX46GIZq6JomlUTpgcnGmsS5qI6pDcdUBQMjCXGoW4FlSTEfTDgsOiHZpGKVmEEOrGmdc4LpGCwSaaZmO+OY1iiTHMQGZYEJLE8ckgyldiIvldeZclZiaI1XSi23sqHdcCUT5P4dOUYGLDuZTWD+2nasX0bmaC0XyCkV0Z7CbK9u2PUE4esczLwvHbcDvj9WWt\\ZHGWfXHI7C3kU9cixw53OahZ7nqpwgHxreKjaDCpYzLcajq1pTo8eE1NvGlY+a542aIkuA2YlTGlFNFA5ihIOF+UaltACgVMqsO1j35DQOfmMB6bBEHBFSHSRdKjkJfpHocJaTnoC1HXVMnydOqWmJU+nYzqHhvFdNA\\YCcKm0pDLAcCZWlRiVpjua4TiSJC4cUTIkXcRJ3ONb0alJjgm0XUsgYhiNJTr50sTg4uLZMVgwls6LcSfH08UIP3Gtt1\\cBFxT4gP0npw8o\\NqQJ9uxnxsO484RTmOU9vOb2\\t3Nt12Pd4VPNdWNhdH3a9nRW7zM\\zHTwj5W07Ck+h7QVhHt5upgAYPrwqt+3Q1W5qz94lam33eeTdnrigD4P6NvIDuw3DPM0zeK0\\Wgfw\\eLzq7td12MXH3xzb\\txpayn1xT+7ZUxF7+90WITRy0nzmgj3JdD590KkDh7U\\2A0Y1Xvef9tOdrDUVz2LnCXiHey70syPP\\RKcCaPbtd94+hbvwNsIBsLsQ6HkNv+6ycQMP1HZ3soMwcwNO6ELatxt0kRcBxMM2PKa3gOCsdfdq1te7IO93AHJ4ku+GRZjnhqUcyoq8gs4Xt\\8N6FxelnldcsJqs8E8J6d8\\CLpv4bOy0TtNV2B9V178bg59lyoD8aDvCXZSePOWD7zTe0VgZvnQegXYRDs\\A1aPNf1XJR7Zn3eB5n3\\+osvglPbm\\nrR1kgM7xBqfGfOvcoHD9zAJ0+pH+r11ee7CTo5Vhuajod\\UpdH0cOOt3RT6UJVHFw2+g80kcfgQ6f8toXvmQvLm5WX1WXMj92tM5tswQ\\n1n8z7rPWfmflXLv0F3TDeBX51XxLftAhBa1zvXdcOdP3a7MLeD2g4AaHl\\su3O64swTV1AqoddE0HnwY84OCatc9SXu\\FNDR5eHwPaPBH2Vt1lqAZu7V3ubuicJK\\Pa5lTq0p5bcXr90DnH3XsbBFXUUFwbthYmk\\gLL+ITpxuiGtayjyvfsxhSYulvHkzOq\\5JFwEZr1qNjfqlj\\z55v1Wt5v1gPwcCE9H9Lt6mZ\\HoY03R\\PwvEcr8\\bWN6n8Vrm1c0kbPfHlboGHhXLxxKFweeJCEDTU02Wp7V+00zpZlrtp9WU7oejeiR7oPTLQT9wz26\\hM6vZjrZUAWJU2Rw65u1LHAPJDxfCZ0cM5yY7wJ0ruWPmY4nYohzSSytXusUvqAT\\sW8sOKb+MwLwmoFN098rs7x0KyPECXHB5VMsSUQ7GbnBUVoJkFoBDIKZJr0ZlLjhjDlZhKTsimBuSuW2nCWAOGlwqnWahIGElvn+CgPFVB0nXCEiCjv\\EVsfho4l68vJPyKZxfheuOiozhbmihf0XayO4bgkpYq0nUVxxeT90cnnr24kOiEpdUb+tivqXiKznh9BCQeV806HgBGx2a1nlD0GavrGB5TY0GOpxjXdmvigzxME682sawDpK0DEWIFnjk1jTVMXCmTQzzpZNSboeKbYWMJQ6XJCuxA5eJxsspJFF8wnT8PTvFrohMtJ1HV7VbG1aUAnl90BWyOmydqUwghM3pH387dW9sOFUuEv7eSwRN97KxR+A6dK5XnB7i3Y2GNK15ieUiIwUrGx0GAB86AvWYYcKVBAX5u8Ce4w1SwpYcpVpVJiQVFEQ6WHuuxqk+NOo7gu9VGPVjxpMoxN1RJMzbKcJyGYzUeuAM3iepP+XVJeg2dy6+HzoWIK9JDzLRVJQWXLVe\\HjpZ4I\\3Drn8iEc6t9pz5J25O9V7rh8WitZP97HP4OSvG11lfV5sHddbx393m6pev7m\\4WqY+D\\b2HdoyNmPEMQQvCMJi7p5lk1TnsPlK7ZTei6b9Cumc\\FRgScdkoQjQSF+AUeGq2ehccJ1mhXu63F2oiLvINcXAgD4tUDefznPi94TJSEX07n+EZ3rt6FTfojOezB9Hp132JwXYIBfUaTCsck0P0A45Vl4\\iXoZPVPhcD5CGAlVEIXOOUvBuqroJOl4NlVupeBh5sIs57Ku3M4pvdc0s6qe0tmvUDZfwTnw+1VcD6JTvZVpoYTLhK7JgQXRZ7TFU8mOV8PO6Wf40R\\CJ2LCziXksDm0QA6aSaRF8iXQycznNzs7hQ8UlW9OLn3D0WwaiSR9fa+V39ePfcyOl83nVeMPraeeAPOF4OJwSGSRT4oq5d1GT48nfTbYecvh5zAhoCgojBnBcEmnL8K583uTe4LoRPYgUqXAmZGFC8uBGMyGhb+wzgcTgnBgAfx+bLpfAWdPwvOeyAVWNoMkYnrJtLTFgitRhCFe2n7MuD89Twn1eXgcuxr\\FAhXseEDWG5mi9kO+cEPHsFp86lGaBEeJnWHyNF5QjVe3L821Lxr6NTfhWdV0o0cyJ6IdaXC6Hi8u90mJjAiNGL8HyARO5PJzt\\yXACHUJJo7Dd8MgLKUbRX6Ln+Hh4cj9hOgX+mj3i8N7B41zj6sCMwH6Q3BOrRsr6B+Hx6kfT+RCdjyD6NnQK6mw2LzjFnBmeNmXriM71\\XfAK\\RGdNKfpDehc\\ml0Kly2Eyz2aLRFCjVBIQKjBZ+Jc+uUnrO4ksBDTvBAJmW2+UPgidHVAUuzYJfMcb+bB87Q6f8PuhUr+hUKRGEXc8+g2WVMG\\B3motvz86MfP9VnRKH41OzCUpdOQHJioEhZ28QCcCrT+ct3NvsJkMJWhGLlSNg8uEF06FgIxeTX5eKvijYk9ca5mxogfQfDmd9EQ+6VHWkyGSfUPuEfcLI8K1j+Hi4LLvKmNDa7QXRF4TvG\\g9C98kClAxAf5pOeI+k849itOMfH4NDrnIvjLfew\\QdHvnr2URCTsqkzbL0WFX6mMCBMOPyX8gC9ayj+DTnLJmWAhkGW6WNqPpzoV9RIa3wtJP+AYsZEY12Ncba85+TdwogfoFJ6wnXcG88fAU0X6R5PuKtIA9OFoV7FIgiDlUcXP0dMm9\\RJ4iucSPoNUiQ9YypfQedPm86LlBPr6hxbr2ez4VHRKVDuq6555j\\ph6N8qFiJe6NPZ0YC05308gtICJDNqmyJr5nXftABUr0nMndw7RSeT6GTf0s+SX6FFF0NJ70FBeyhI5QO0uGLiFKBlo3mSgk97XvESPw4Bciz5nP53uicTSjNJOFUhS1q5uhHKAvUb8zTaVQqAfpQLR33BqkxYnK+SdQ5smPlApmZEvyVKn8QheNm80lXdljP\\v0pxs6\\Rz7pGnWSuVpJ852qwNDJ3gSbPlVyFRI+y4s+QJ8kfTwpmuvxS2yPXdJlBjc3W3pjzicPXlOcExjCRQ3yx6Z8MQpAM\\BzRU8WVMqGMLGCi9Tg7zjlo2eWSJjWQOvJo\\jjRXTKv49OOEXqDcAdUKTKa8zHqxeEru+LVj5L2fnr1P2n5UgSzXLiJC+U4azAGLHqg0yJJ8Tc3FyG+ODmjVd2rs5ZvbmJiKPGExc5lymLEFip+eO1qJj3lJAabalzfyqf9AZOJDzFiR5RIjIH\\Gtasr34DRXhqQI62Wtk7p4s5gVVPPeO6JTo2jkfn05CkTGn4hKR8C3EnCtZpfELkA76McnXdkx20h+pBXllz+jSsK5OY0yZoKITZ8Goc3GIfIYU4MLOMO8pAzQ3uPTWQ3Sun0On8Do6hfvoVBk6ebDRNLBmFpRmPdcrNB3MT1yvjnLtJnoZndxvh50itkBKn4FOzCHh2rpA14UtjvzAXM1aUNFoitRJcg8Vj38QnYwAMBPCPL1ME\\Eqd\\\\l3AelFu70nnhp6ISUDXa2\\IjOh5l4mX8KnfJb0EkhuWLpXPWi\\qChJ6b5mA5EvBzcDMPn2t24dykUUQkb1pEV8TOiTpEuIYXvKcPnjH1jcPZgpPhLGMdWmeJ+QyP8q+i8GAKW6QR+ptLYa43GUqTHRsvqa+Gz5jTMnwI9LrCeuGbh5mazWVFruXqCsctX8RwTdb5FnkTuaZQInO0WPDigElAq00eUOfSU5flOeezYf7ePXXyhSoT\\FFb6V36JGL2aQLpwobklmCwXynLBKfIWpfB4wjToXMvKZ2\\cSxJ4ASMNgV5hlVwuAMuvfB4679SeIvoVGT37zWZL5388qF7+gE757ehk2jl1VhljNIM7WOPNScisMqCdIfOxvBGdbw47n0DnHROSqMkSsSIi\\gpx\\4kk\\JKKviWFiCKRMchXRRpkIjp59augk6Opd7oAAKsmsyfi7UtDT1kgn36o6GDgUwPLxnw7Gs4fwfmIsQtvYuz30Ik6DzCYMsW+SrXHNDXPsp4yeTd0vlZhZxkkRC7Aki4miukDafHT6HxjAp4SIoWBE2gwBJt03WCRXXOm+iB\\Fp2zSpM2ttFWdcrRmvHDYgAADgBJREFUL8x8jkLVq+rj86YwzfcvE9QhOreskvkKOoWfzCcxzkcjzzWNrRGcAtYvRXx\\Kkp6mA3+mD725Z1fx5IppUMShr+\\QIzenoOH0A2pOtIieptioImEg7vkasgft51MvnnRbCJI0XIIAqHMaM5Sz\\DkPgmZHLsn4C4R6YLLNxSe\\PPJTv41dD5TJ+LXKxSAo5lkKBVYok9hWqX1g9P+LWmn+Lb6uoh6X5FWyyltJ9zPWs+3FocoOJEOAVe\\xjFAh9YCWgZ60YU\\7dlnJo55Z2StMtPoczQVS40p692YtXTcJ5lN2qOM4QW4OHGxUBhvfys6f+TrP\\ZsqFRULKzmrDuNaAllQkz5Tz8QYe7WeB2d4q9MT3qETmYuWaxJqRG4dgV\\lH4ancs3sCKqMwZCJOHZybTVUMZPXaW9GnCTYoPAH0enIDBijgcmMGpAOH7u8qIoUbGd6BPRCSZDkKkqn7JlCddcnpOer7W73Uen\\ILppPccTZwgPAVc5x3FDliXoqJBgTZG42Go17DzSYf+fn3saCw5ODKO1tcpOlEWpSrS+6KTqjjRJeE0QUGkvcHyhkZOs7RHxRSNgnTxj6OTqo+wSETz8CqWCODyYJlVZqIdVMoROn3uE+nQ3MKDiUYcLa+stpS38y+gU3gCnerT4jnY+NVKZpnO7RrQqbAaO888PZlT8r+Fztf62MUf0ClSLDK7ySJQuv1k6PkGdIo42oLBE4UsS2WDs5LQWqKaFcuY2IoJZ\\+HPPuFDXHCHFmxpLtKc55gLXkqEFeZ+liZe94+wXbSIFjFVgFCmTGtqcInxZEV9e1MBbv+gRLxz+iOH\\axX78hMzhVOFu0lrRnG\\0GTq3FJDwtamJfEXmnqFN82nIu72GTCGgnaZApUnfOwc\\I22noKb3UlLl4Iex8+PDccynRF2GRgYD1XG1utjKLvWUmErx3zf+g7byTGlG9h0zJAF5sgZI2xto+ZwwEN4fAc6Wbm20obbYjkqRu7xnPFzuF76NUve\\bZ3BiIYiGmxR+YC1RC6gyzFNxEtW9zL3D1wNTnm9i\\0EV\\yNaX66pU7xi5VIUJTYjhi4kCnEhDQ456ZL0fAS5p8Seb2m6pFyT9WlgWhk\\2hWetCDQ+O5Suvz8JCJ3v0akqNcGDJZDwFgLg2GGUl4WFOVz0Hn3DrTSfTk+YT3XKInIYVp+9QI6L\\78hXwSNhheFUjqrJujzFxRUQ8Ppy+v77jqI9vxdHXoHjpfsKHMl9+hVHxMikRWuJy5kTBLpwil7Zi5YDBevJWzv9D\\LrIiMcsKzONoNmuaPiKMBnJ\\bHw79yiPdBnZxbTPMo99CxB8iIRl5R\\Xvz\\+8FD4DE4X5+CIClVy0YQW+HakRnNa6Ycxnj\\YzRmlVxvKTCdDqbDeIjiZ8Fil7hx9vayqs571ycLYTw5PuqDw5Yai5eUropO6cIQSmwFErlUDhXtsF39Uy9\\x8YffPVZyoiJJupMcA1u\\2cCdSemQwD\\qyOH+YNypokbqKoqixSJaylTp9\\P0C45TPvNmovVUlAZxjLGpVJoi0I8MrOd2LfNPbc+h86FfZ1+RmN\\rYhdosKnSG1NgqluIcB4E2tx1Qs1jrCqPAPrirJon85z0cfitQuWJl0wSTp2gFZy5YCf9XLrzATgfoJi1ZyyYOQWAQjz\\fSvQSEZl3ba8QP7Y2hf30Inmkdx9+CJ6NZlKv+GKoZ7zbqoC90lxJ4H3Y43KrPVOxm4mYG60d0ASVVbHUJ6KBF9PBFw6gvm7PB6rDOEsO5qu4IEg0Xb2NXlECQj5gSM8+b6Pzeprxpd9+qowa\\cEJniQebgcnMA+BRpjPVe1YZ8aeWrYzvXb+9UHeb1d8XcKLYHf3ny\\WauETS8QyDzx5A+jkwqNHwzHIZe+WIoPWYWgHKs1n5ZHorNHBJ7lcSgto4oU\\JVMyxfckt34T8VVdz2LT293ZIWGDphxFhmnQZPFLgmt5dKCs4yC23u1dOXKkJSnAfY8vyWvbIgZgWZL4CBQZEpJ82olyKqwwvhDpYjabtd3cfWPldsffckl7LkbRcUGp93Qqhtt1sL\\N\\jzFq82tqSolwrdnRTnT8WdzFLeDceh2SOahMardCEo5I5Nf3yWU5CZLUdixs+fOs368PSIJYnySAmx+ZTu7DEcn0o7imz2jKBguyR1qOhPiYDNpmCrUPoGnATBS1932dcPAeZjzj7jVnzus3rq4Xu2XGYl\\wuIVmscdLDdymy4I05GQXSqdxmIpzJp8gN03kPpZbugc3N5H6ZfoM1sLK+NdpvOtub+EDrnVQSoIkleX9Qd18nbMkspfO4hsSj40jtPqTradXnutlvfBeqCoD4tTH\\DprD8rsAap1A6Rt9TEUVCw1TyideDOl2qu0dwEszszJMIL5VaLN3MulLUA8gq+Z1NoY4d53Bil5bAeqTBRjPtNf\\p1\\wF20nbLmUq87jEmfOoudnLfDIy6adHPQpWBS6ZDZS1ySzYuM4LVYjyS8CkoSq2IdDTpoUHdrY0ucfRu\\KzNYJkrgbwKgurwIRTwTOd8cfG4qj3nvoOVx72OV9hwnoeBCqzVj9w8NCvoBOvBkUlneBEi5ezOSefHBVf1Hsya6CnJVMM0WlIjA1XtNdOfcAsftlniDRbxtT+mNmdZ8rhbwX50y8QN2tpMcInc4shjsJRCOpRCJ2i87hW8St3\\\\X2VK+qHlng7sWX5M8yocdwuITAHIpzWORy7Wdic+E\\80g5BM1c16Y27Dr+Dj418b3ic7oHgU3ywK88KpDY4ASsxqifLsjhqC2TBcbZZcrH6HplKtxC3IPI7x0Cf4pKGRvT57b9a72S2qr13JnDfQF0KurVjQmz1bpDAe0W5T71KmHelRbUBZ7dNaxihHfO0x\\Zz18tVnmahwWwiTQP7AWOAflM187dqyITlhuZR01falX3M62XFu3fuSwqP6+JNZ88ufT+0jh\\ViN9AXTi50LmWVWzNvwyRYDVj+TPvEw08c\\qdrLM5mNebPgTB\\LLFwgrTwJbi5RSkXtFEfqG6ueMnr7n1qm9pHVVWpPjLutCPdCkP8z\\\\16VA0OH63sIV3TOkjnyJdDJsncXDAh30ffMauHW+tQAjNCrhGmeeQIfW8v2OjfmYaPy7zm3y8BmIvDyFfuX0xY+9bRp1lUV2MwN9Z4EhvmyZ+5E8pu3BNVKMuXC3apT3Kdf85fRyc3RFqFDgljG5lpEUj817BRmlS\\TZcyrxc7ayvVjRQL360NI7vrvZ6k1fxkDfwkvPlX9QJMknLqmQkUqEcRsBa0uI1H94aR\\d\\oKVT2x6r1Au0\\5e31i88lz3B8nRveWcmHZ71k59\\lHRvN9PIsr7vckE9pIPVcL3n31BBZJCNfBzp+tIpj1A5Sio0SMv6RZqXCQE2ka5YMsGTdzI9ZFJhCOU77YNh8Q3qtgM7lLXoP8kUNBQ8FKpiyhQ9NHjCvMMYdA3hc+84qfHAtsP2rpkGczu+wC0PsDT5sK1mgajcyrBqis5iN8wLtTf0kzWCxj90WSSE+hU2EJeDpyRZ3zs9ynGhHCzCOaTJVn6KTVAVpSYzRWeP9lSBj4seLIKojks2p2s9SLzVdmnoLNRlWpJbv0ZlMNMGq0PiKROJ88Gx68vuQJvqLtlOkEdKYEEpiD4T5PxIkLzGBLHXtngWdjdbFwIrNBcDTtiQf5zp\\gNWXFXOklnPgMeTUrVqrX+QC0CQGFDlgb4md\\ITAS\\yHoZJo0Nnqd5eTJF0UnignvYmKZZhS4T5yURG9i+Jiwh0clqkLlQYSFXJe6KpqSWeL4bkc22w5CLiAhn5PnY6MvibBWZ8KOLSlsYgBFDeYbBTaDBdMH7+\\Z6a0h3A3Tu3fyX9CzXzOxLI3xmalojvYLMZ96CbIEerkYkRbmAaJoTZR3t20PTvsuZ\\XxHzutydD+VyZhxbiKlsTuho\\O2d4P6TZDRM6z9C6e48uiU5z18Nfr9Jn5LiJca7zUvakUnbTh6jJ2hOO4xymGd+Qm3NW3f17oNZcd5tK2zOjJvAyQygapffxiVRexFpOjqcoXRefFiNBvRE6dSwefc6lUHIs5rzwj08HklxHLHM3JzzeNyCkfMSX03vhe9fNYEfqHuxIx618iLOGMKJ0bJt6hYvl8NPWgX2iesvFl0fnH3l5Y8\\dSbbSRQp1XdiCXMobyl2z38EAt5wWBhDkNwoZWMc3cF8zw\\B9DJ82n0Kt0ScFRLbBMF+9iiugvIzZ8R6tF70JZfejm8QGqnxOoYOoLhoH\\59BJO0Su1EQR2YpIl0TLmjYwfP7ssw8G50X6dU95pF4DbEJzvTjtQSD\\ReeffXsmrbyGVjQBzwaZMqpOH1H\\JnSSuTJFa7aX7NKlD4jaUDqpSuD\\ppvyfx8657rULEFgCU20kyy\\IjCZKV0V\\i+KO2fFHmtJU7lL2wy29qD5xAT8vP6Tqv7Xs\\9JdOIaxXSKFG2yZGZSuMxbVsm9xPjfRA+4uUmZjp68gJN1Js81osch6n\\R+WdiTnkuK\\NznDl3Js9taHOS6S+7SNwsghfY5J\\LRNRL0vOS4eH+i84\\hs5LDhqDMBWMCM6joIHWpVn43gjsv+kiXQY+0oHsMp4\\1UiJnHI3j\\+DV5X+Lzpf3ebgS5g1hqxf\\d4cEv5zGyc+77ypnpjVvpC2z3IwhVwGlfL\\JepfwrPP5VLu0pVxT8BFZub6N37gtGzLXfTFl0CTzH1v67\\1tP+3eXYkpSITkqn8pVf2srHmmr\\x4ybCVYQu3PPkM3LX\\60Q3d\\+P6HA+Q9aNy8oAAAAAElFTkSuQmCC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2543175" cy="2543175"/>
            <wp:effectExtent l="0" t="0" r="0" b="0"/>
            <wp:docPr id="19" name="图片 14" descr="IMG_26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图片 14" descr="IMG_269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2543175" cy="2543175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t>动漫彩绘：</w:t>
      </w: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fldChar w:fldCharType="begin"/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instrText xml:space="preserve">INCLUDEPICTURE \d "C:\\Users\\Think\\AppData\\Local\\Temp\\enhtmlclip\\QQ图片20180802184711.jpg" \* MERGEFORMATINET </w:instrText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fldChar w:fldCharType="separate"/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drawing>
          <wp:inline distT="0" distB="0" distL="114300" distR="114300">
            <wp:extent cx="4600575" cy="2724150"/>
            <wp:effectExtent l="0" t="0" r="9525" b="0"/>
            <wp:docPr id="24" name="图片 15" descr="IMG_27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4" name="图片 15" descr="IMG_270"/>
                    <pic:cNvPicPr>
                      <a:picLocks noChangeAspect="1"/>
                    </pic:cNvPicPr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600575" cy="272415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fldChar w:fldCharType="begin"/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instrText xml:space="preserve">INCLUDEPICTURE \d "C:\\Users\\Think\\AppData\\Local\\Temp\\enhtmlclip\\QQ图片20180802184654.jpg" \* MERGEFORMATINET </w:instrText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fldChar w:fldCharType="separate"/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drawing>
          <wp:inline distT="0" distB="0" distL="114300" distR="114300">
            <wp:extent cx="5143500" cy="2066925"/>
            <wp:effectExtent l="0" t="0" r="0" b="9525"/>
            <wp:docPr id="17" name="图片 17" descr="IMG_27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图片 17" descr="IMG_272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143500" cy="2066925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fldChar w:fldCharType="end"/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fldChar w:fldCharType="begin"/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instrText xml:space="preserve">INCLUDEPICTURE \d "C:\\Users\\Think\\Documents\\data:image\\jpeg;base64,\\9j\\4AAQSkZJRgABAQEAYABgAAD\\2wBDAAgGBgcGBQgHBwcJCQgKDBQNDAsLDBkSEw8UHRofHh0aHBwgJC4nICIsIxwcKDcpLDAxNDQ0Hyc5PTgyPC4zNDL\\2wBDAQkJCQwLDBgNDRgyIRwhMjIyMjIyMjIyMjIyMjIyMjIyMjIyMjIyMjIyMjIyMjIyMjIyMjIyMjIyMjIyMjIyMjL\\wgARCADZAhwDASIAAhEBAxEB\\8QAGwAAAgMBAQEAAAAAAAAAAAAAAAMCBAUBBgf\\xAAXAQEBAQEAAAAAAAAAAAAAAAAAAQID\\9oADAMBAAIQAxAAAAH3oAAAAAAAAAAAAAAAAAAAAAAAAAAAAAAAAAAAAAAAAAAAAAAAAAAAAAAAAAAAHO0C4YiT0JkVT0NfHYbh562ax58PQV8tR6Eyap6A8+02zz1svWPPdPQGIk9CZNQ2LPn2m2eetmsee6bFjDUehMmqegPPsNSx562ax58PQGIk9DXo1D0J59huHnrRr1sbp6ExEnoTEop6mfnfRAAoAAAAAAGTrU0u86tfMXvO3unL2PO1OfWjd8ld1j1gUM6tN8Tr6m+Rp51ePLbdl4K8tgw9hGBFZFayAAAAAAAAAAAAc7RPOem+e2D6LzHcaR0I8mCydAZyfCgmc94jt5epKAZ0AAAAAABXsY1l9vloaxr6nkkr7rnjbErtfCtHoa2dyXG2GOubea+c15vWtXLO4G+qXy+1hetuX+c9BnS+e9TgepsZh7nnZa3p\\HetssZel4+XZ2fC+3snXseNl9W\\yXrVCHmj1BhbsZfhfpflCl7epeXoUy3yPQztCqOhGBmvTq3NXVq2lAJQAAAAAAMjXxrnLXJfXlzM0KMtTVQ3O2PypS73POLPZkl2IXGOsLjUqpsMoFaT8KxLr9o1Zd5+TOXXniKX0Njx609pnYk5djU84xd\\B40Xt53Ivea2uFPfrvlqec9flalD0iHy59LZxks6da1LSrXKiybW1jIuqcSeh4AAAAAAAAGHuYlzkwh3rx52EqkyEpWyVKVrePzp1S3WKA43jNda4lDmhwyGavFoUttIh8GF3tbg3D1qKIuJSt63lOlu3vNX5dnmRoS94\\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\\wA8zOt9+foSgAAAAAAABRvKTDtWm1VraajMs2npRlbJqmvQEow0yspezBMNuzWWjU2Y6zix3S5wZbYYTtaRhy2emSjYfNeereqjjfmWeilZldbpXOHLXNSqvUM6y+a4mbR9B3OsFPpRfMs9F082ej6nmT03Dytj0Mzz0PSdWhoRkAAAAAAAAAAAAAAAAAAAAAAAAAAAAAAAAAAAAAAAAAAAAAAAAAAAAAAAAAAAAAB\\\\8QALBAAAQMDAwMDBAIDAAAAAAAAAQACAwQREhATFCAhMSIjMAUkMjMVQTRAcP\\aAAgBAQABBQL\\AIaTZZLJXWSyTp7VGSyWSyWSmn2Y8lkslkslkoJ9+nyWSuslko585MlkrrJZJ09qjJZLJZLJTT7MeSyWSyWSyUE+\\T5LJXWSyUc+cmSyV1ksvlqnSiImoNS\\lyQbtTvQmrip\\umpxnNTIauSDdqN6LlxQfdNRM5qZOVJT7tTuw8uKn+6aiag1L+XJAJaneh5UVP901Ezmpfy5IN2p3oeXFT\\AHTUTUGpfy5IN2p3ouXFT\\dNTjOamTlyQbtTvRcuKD7pqJnNTJypKfdqd2HlxU\\3TUTUGpfy5IBLU70PKhp\\ugi6c1Mhq5IN6o3oTVRU96lqJqDUv5ckDqmZk0M80UFPM8VHyVczoJV\\T66aR1JWOfJo\\wCoMa6GoZONNxgP+4ewl+rvElPO2og674gyFbjlUuzcmfs+SWDdnTxkyxjNG0y1aqr8WP8AGk\\z1WS7NOG3FDI4Ouqmo2It+oKpZ96JSythZ\\Ii7Hte1FwaGzxPP+hURySibkwx0Nc6kX8pSY0tUarqcbuOORsFU+mZNtn8kk8cKFTCUJWORpGy1UbGRjQ0IdU09NHTtU8Qni9TZKSB8blWxGWHcbagadtfUCcr9vp3+NdVz86h7G40khkplVVD9wSSwpjg9inrBEYa4OOkk8cSjmjl6qyjbVMFBUZQfRZHJjGxs6j+diI53ZVIvgz8\\krlYItC9SdII1uvAE9RYT1N+XPYVj7c16bWBcqFcuBCeImCAMQaGhPjbI2ClfMmtDWKrpt5RQTVLWMEbFVxOZM6QOUTNqJO9NTJ603s1M9xzfbqE9wYzOSdU0r2zJxDW3c6enqN7XkxXDg4aPbY5tKvY2yquyt3+SuXjWt\\VVSB9OZGwkVMe22spnGOaKUCeJzhiVi23ZWanbDThGvWFuTtQmqVyZwBWSBc8plbG0c6JcyBGWGVkcbGM0qqZs8VLSxxt0qKZzHQ00u8nAPYcqc0zHvnVU0vpmPu2jdlWKtdjTRWxp\\TLZTuLGinFo+6DCS1tprIefkrirnQqdkrzVbj2BzoamXPZklhMr5BIcc2tFhJ2RKBU7m72bWy7rg7f9Tan0wP9nLcYyR7ohpiEYwnMa0XYQHOxDpkJKkLk1K5dQhWuXNYuZGuXCnyQysE0RV9JqJj3RxRxBPY2RkjH0sUMYYFOwvjE1hl9yewl8BDz8n1BwDuoK6x7shDTYhTauY908kRc0skkMOe4HWgu3Jjmio7Gl7zSwPKuiV5Tf0WD6ZsrGieQCRszZVTSHbaWSLDvtpzFisAtoXwcF7tw6oQdUrcnRe9zYnmKPfXIN5JM4g2Rj46mORpfm0eB5+T6gAicVdX6WjuFms1I\\QWTy1ut1ddisW4bEVnQNKYxsYuskSmx\\cxxkTNjwaSGSbrXVDC0xOczkRsifTUYDaW6zstwJgbVuFPhM2rhz5MIfusMcMm9Fpm3c0IDlg2+g8\\J9QCk7dAQCsmI6nSym\\Hq7LsrI+dB3NkQdLJoQaGp0Dyo24xkEI3V0xz6dxfLMt1ppfbdUtMeLI2X2mNr4mSzwNbJ\\I5FBxJ6B5+SqbkpR72CLFggzs1pVk1vZ4sdLLFWUw9MjnRDdO5G\\camuyCur6W0smD120aFZYhWVlinInumjSywFxCxbEeDYImu2GINIqMlH0jz8lQm+9K64V0CgmldleyLu\\QVL+E7c4S1wVwFG+R0lM97kT1x\\slndHITpHIJI2uDldE2V066OjdLoFX1uhbSLxpdXTflqn4ilY+Eubc4LFAd8VisSttYG9iNb95T6Mgs2lelYNu2JjXaFWVtW\\k5j3tb7s8YYBCcGslcIxJNkxxfGF\\TgmhWVlisVbSyITW9rJjbDSyITe3yyKRgkFzG82V2hMqInvzWSzW4s++QRtrN+ExxjhtGtx5Olyr6nVvaQ1MDHZMDL3Fmo4lpayRDHQjshqEGrFYrBYK1kO5V1kFuNW41B4v8kyunuNSw08sgkfUtmhhZA0C6xKxVujssVMPQ+JrnPhydgr6W18K+oHvu3eSyIGNrBs0zGCqxRFgEE8INWCc1YprEArKyssViUxtjo7wVdMPr+SZVmW1TxMwy9VQMvqCb4V0XBXCurhFqNwpvw6WjW2gGg\\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\\ioQ4U4DeLGuKxCFoGy1bYW2FthYBYLALELELFYrFYBBgCsrKyt\\xD\\\\xAAgEQACAgIDAQEBAQAAAAAAAAAAARAREiACMDEhQFBg\\9oACAEDAQE\\Af8AEJu4XL7C5Rf42cdmZmRkfISUJDOKH4cUPw4nJ0cXY3QnZYi9qFty8ha2WWWzJmRkZmSLRaYqPRHJWJdj8myxD3vpXZy8GoSEuyioYpssT6uUL8DQlrx7rLHuiitKmihRYuhiGXNFFbVChwtHC3uXtc0I+GRZZcJC+a1u+hlSulaU+timiihpmLMWYsxZjFGJiyjH+d\\\\xAAgEQACAgMBAAIDAAAAAAAAAAAAARAREiAwAiExQFBg\\9oACAECAQE\\Af4hpVDXxD8xX4aHsjAxMT5i3DYhsR6YhiR6VCVjVFcLHt5+4eiKiikUjExMTEplNDFCdD6L7moYt64vp5+xOLG+60orn50XZbPpU0LhZc2XNljih8EMRU2WXtcOFD0UPepXJnyY6t7XuuCL6PS+a0sssTRkjJGSMkZRZkZIsy\\Xf\\\\EAD0QAAEDAgIHBQUHAwQDAAAAAAEAAhEDEiExBBATIkFRYSAwMnGBFECRscEjM0JScqHRJGKCUHCSotLw8f\\aAAgBAQAGPwL\\AGTZSt8TSZ8o\\ntX2zvAfEx26dW2L2zHaqstjZujzwB+vaZSt8TSZ8o\\ntX2zvAfEx26dW2L2zHaqstjZujzwB+vuR2NNznkGCIwPqqdT2WrDWuBxZxjr0Ra7Rql20uBlmV08+Sd\\S1dnaIEsz+PktGpjRqm5g\\FuIjzWlFmjVQ6piwyzDdjmqVT2SrDWuBxZxjr0VrtGqXbS4GW5XTz5In2Wrs7RAlmfxWj0xo1TcgPxbiI81pRZo1UOqYsMsw3Y5qlU9kqw1rgcWcY69EWO0WoXbS4YtyunnyTv6Wrs7RAlmfxWjU\\Zqm5g\\FmIjzWklmjVQ6piwyzDdjmqVT2SrDWuB3mcY69FY7Rql20BBluV08+ScfZauztECWZ\\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\\RquzIAaN3PHr5LR6YoVNzB+LcRHmqk0KkVHiMW4YAc+9oEZEwRz1k0zYzhhitlVi7geeuGNL44rdzGY1xcJ9++zpjZ8zxTajePcYrDVT9dTfPvaTzkyTqLeYVjxDgmkeFmZ1Vbc7dQt5b2pzhnkFinUjiAJGqeJwCu2ik+IYHVc4rGkQEHNMg6pcYChtRp9fcQ1pFn4geK9mq+FhmYWRNJ3BTtPSFc2m5tPm7txZPqsWfumwphDDj3o2jonLBfeN9VuuB8in1awnINChrQ3y11Q11jMxC3czmTqcwp1KC5zeQRqPjeGXEagWiXNMws06pwecNVL8urpcdQpHwgTqY456tlTMR4irhUc7o45oOGRx1WNFz+SDKotcfhr33gLccD2vFa8ZOVrYxJaMc4R277RyGKDGiAO24cUZXogh597T9dWGa8bvihdWLeUuQO3dB\\uWFY\\AKdrP+IWTVjSHxX3H\\dbzHBeI\\Arx\\sVhUaqjrRLnEyoAgarHCQU8OcWhpjLNNaOGoPYYeP3QMBrDxQaMhqNYCWnPorW5nJNZyGqsHYG4lBrcXHJAHUXv8RKpubnIGouOQEq5zyByBWye4uDsp1FxyC2jBa2bsfRERa4ZjX4vgpBBHTXPBTb+6kYJ+od6z17DcJl4Vuxe04Rc1CkxjnO\\KwZIvNwDcHAjEKBUGXFE03hwHJQ2o0nkD2MlDi0Fbp+Cwe8f5LCqV94P+IX4D6LeptPkvuf+yjZPHksbh6Lx\\si29pBwOKa1oGGt2G\\G6U2pbvxmeGs1KWM4lqa+qAGjhqLXZEQVY8eR5oVC0hoy66nhueo\\pOOp3XBRCezhnqFubjCzx5otJ3gslUae\\p+vYZYGkNddmmsZTu3pOKfW2Re2oBNuYK0mq6m4GtAa3NaG05NzkdFp+xdiQ2I\\dUxTrUSZFtrN7s0rojFXUxuxjHEoXstnjKLbXSFUP5csFc5\\mXI2uCm0OdMcuzJwW6\\DzWFZ\\wDyWFZ\\xX3k+iyp\\BeFi36XwK+7esQ8ei8UeYQG0Z4gcSsKjD66w4bpnGOKhjY1FjsinOEOaFcDJdx1bviBkLfa4eiZGTlKZWbl39IcTPc9VcGgO5x2Q6GloW7ALTITb2hoBnzVQlhFyqiDcSeCol33dvHmi6nFtu8eCZzu+qeLnANwAaU9hM2nA68U6lAuutVJkCSYW6xxa3iAqL78D1RDXJ20dMOIkrdc13kVlryWWrBzh5FYVX\\FfefssbPgsmItdTBB6prCx2AiZXgcsaZTgyZPRXtaHObk2VPhIzDkWNbunj39ORzXMdxj2clPZyCItEKNmFOIPRQB2C\\gnuOX4VYaby7mHYFURYYZMpr2+FoMlUi7wXm9UzQtkeKEatQ\\aZl04gppkyRJx7Dn1JsBhrZTXU3EU+LZUEqC4A9SjUa4FoTakROuyd7PsT7hT9U0cz32fEfPvT07OS3RCM0WSfxyg2chCz1u3XOpkzhwToBY2Ig8VsbTfEWwqTXlpLW4+a0uLS2MvRaNRd925lxH5nIMYTa1l1oORW327xUd1wCH2p3aY90aqTev0771HzQ3ZRZacApg+uq4ZdxU8\\p7gdwY9FZYLeSDmtghGHOg5tBwW0DjlBHujU6PwHP\\AN9ezj3P+Q+acOPBNd+J+BTpeW2+ELF0AAE4IAGAM5GfcVPP6IABpnnw13jisDPuJ9yAAlxyCNCpGAkOH4u+9R81isFiAiYEnNSGie4qccfoqj98OPBYtM28eaaXXCoMXFaP9p4sxKY\\a7lxDuKa0zJbO61AuEH\\AEELGehHBBtTEOODllqc1mbM+69R80eJ5KpAyxxVOGxPdPHOCrXVIcFdc23nKwMhDdHwUFuC32grAQPcs1n3w1FtEB2PjOQ\\lEe1uv6MwXs9RtMPcJvblChnqefdeo+aBM4IuudJEJmPh7p36R9VXdSLN1o8QWjtZaXBt1j+KrMpjZVC7Fpd8kBa+kY+7OR9xntN8+9CbTbgajo9FuC9vQ7o\\lBoymFcPwssPz7nPV6j5967yATnBgBdmhgWwMCDkiwXYA1nG7Hd\\wDqD31HVHNENnhry7eSy7xvesh0eiZRNtW0EmR6YrZB+MS5wEBgTSd2m1peR8k+o6Ze6Y5d36j597U\\V9Nbg2m4Gpor7LuM2r7KbS+AHGRbbOeeeCY8DB4uHbPfjvadKiftKhhPFMMNx3nDxLZNFRrRi8W4uPJGvW4+BnId5\\kPn3eWqr+r6DVkrXDxA2dOY\\YH4p9SJgYDn0TKedrQJ9zOsd62QD562Dp3n+Q+fe1f1fQLPUJnDEQ6Fi6oYMwarj9Vl3AN0C4XeU4rwT1JMq6g4n+xx+qgvDDxa\\Ahbt7\\ANLT8\\d2r0QHPvcfzN+fe1f1fQd6QRgVbTrPDRk0wVv1nnoN35KW0mA84x94aneSHen90FiQ3zTKtO8uJxLsJ9O6q\\q+i3nBvms+7pA4tLwCCqNMvFSmXtZ4I5fRUwHsbMgS0mcY9OSZDm078BLLunPmrzxaE5u0Y0MeW\\dzOfXDJVmmox1u64NaRGf8Ktsy1zGO8AbEY8PVVpqNNotcGtiOGfHFVQ1zadNryPBd+yeX5s8UIYtJJAstPH+71RxY+MMGlsfyMCnk16cMMH7E9evQo3Rc11pjvWp3l3uSfTc60JzHGHM\\FzCimJ6nJS4z3VQRiXD5K+KVR35agz8irW0tI0Wr6kKA5ldvObVa6WO6hSMR2PLXkm2xc0h2KEWNtcHACSJw\\hMg03W4iQcD9UGmk99h3MM\\35oCWgx4oxyiPJOuqN3iXHDjj\\Kfvtmp4sPP+U+61t+LrJMqoHWNv8RE4pxdY+83FpmJW\\a4uMuMZY8PksSyRH2mM4dMk6bGyZ3QcSnA1BD5LsOO9\\5I3EXOdJjvcVEuXFcVm5Zu1cVxXFcVmdcydReS4uOErNy8Tlm5ZuWblm5ZuWblm5ZuQO1qtjg2P4V8knqri9+ObcwfQqGttH5Rl8EbbmT+XBRUl\\6lLH1afRhwUFzndSuKzcuK4riuK4rMrM\\7Of\\EACoQAQACAgEDAwQDAQEBAQAAAAEAESExQVFhcRCBkTCh0fCxwfEg4UBw\\9oACAEBAAE\\If8A8OHhPCeM8J4TZTdtQeE8J4TwnhPEl3Wj+08J4Twnh6PCcQJmurnhPCeM8J4Tg4L3ygeE8J4zwnhNlN21B4TwnhPCeE8SXdaP7TwnhPCeHo8JxAma6ueE8J4zwnhODgvfKB4TwnjPCFnX1S8+mkqxdiYz5eZUpNKquBSD2qhYN0MwWb\\biWAZNOCMedS7BC1mUy8yYO3Wa1pJE2TwPUd9KhbmQZgs3\\H4jszHBxGPOpZKhazKC\\MmOIXzKtSwwCmOpB9qFkqgyRZv418RALyaYGY86l2aVrMpl5kxlGuRaSbdHJ4kHfSoCxIM0Wb+P2TXYGmsGPOpYcuRSmXmTHsI3P5aPAXgPGo9qoWS8GSLN\\txEAvJwyxjz+yFiNciUF+ZMb0rMqiaF18CkHtVCwbgZgtb4\\ZHYGTT2DHnUuxQtZlMvMmDs1mvgklv14HUg76VCzMgyRZt9tfEdmY4OIx51LJULWZQX5kxxC+ZVqWGAUx1IPtQslUGSLN\\GviIBeTTAzHnUsHatZlMvMmMI1yqkml+qplSDvpUyBIMwWb+P2TS4GmsGPOpZ29FzNjzJikF7nD96IGVAPGo9qFsRBkizf7cQdXk6uDHn9kFI1yNQX5kxkS8ypyaV1cCkHtVGyK2Fy9vj9k02fhRGPOo5jfbgbHs4+q57c6Jj0cWWBjs4FfMFFYY8ejiIdUIaI3tW52eqCz0q\\8A7VY8GZXUXosf3qaljk6PJ61MyiVKYiyF8CBc3KOY2T4gTo+H1bCbwrbivTv9EF7hyQj7tfa9EWtkqo8aqqjcOy9u3ou8\\kYd9lTbLzrT6dvSFEtqHrLHJ0DHxNEiYPR\\WODlYUO9buUMlY+jYAcsvwOh\\wDCsA1lwpXDCMjFcnvNokzzHqQtWX3ZajHvPY\\6vuhAK7I6FgnRh\\qYa5Ce0n1fmRD\\ABD7PeVH6X3WSVIVWOPMqfF0K9HUZIQAOWKq33E+mAq9PRjWsebmV1MOHoNEog5OYHfYhFdA7EuEveXzEba6xIuqj0Ng3uMU8UmmcDan0vb+nV8TTe3cPlNbzT0a0vfA8zXRwm3rR5njmArW7rj\\AK2ERAz7PaNpDWfJac8fePIuBLf+Q1Q6D\\i\\TlmiaQVKj8Oka6uMAinTw+qf08TRYQNIrqJ0AHlOdxwYFOIpdo7WPNn9QP3D8Eo2\\aboPav9R6Ov10i2sTnmZrSxVP4pZ+f4oELToWIprstRYIrGglRH0al3B88oxsAqXLZAazw6TrwNcvghH0NHo1Mepw\\8hJkegQw3ily2UGZ0XE1K4AIVBaFXGByZ13x2h1JM7j6bZ0vEylTJUCCrAWVo79MbAWxLrrFM2n4MCyv9aQ1FqJ0z8FltQ0qX6JSMoptdj+KoeEo8YlaBghwjf1ReP6xKeEX0rXnAAXfaJ80DpDPWVwFeTTvL7qWG3uTMabFEPljNAzbUr2uwrAEQWImdjF8QQ11eXcsLLyoUV4RQN9+D\\ME1ZDaQj\\KKhzP2t\\UpcnQH5hwvNP71AUQhrZdZnz6YUBfVHibbJbLyIRmGc+qteI7KJN8x3DGtwdo3Oox0kJs6pxZx6Pc4Xjms1KxF8XMTFq73HolZSxbpmV1Gq6R0Q6jsykL3zfSBst6zbCY2vyRYYF7ZqyqI9TiYTR9Wr9OkZXmJqVHCypkgrgpq68xuUoVRcVHQBiFgDbXWC4mYKVw+8zYVTmBw+Yld2ih9nEpiovnMG5gdZms2y\\Et+IU44ICajoyZhbhe0Rlt5OzUMKc5Rphlp3MyuyHQcoA4JWdS27J0NxLUA3B1HhZjKJBfR1KD8i80nvFlRn5H5h1HsD+YX7EgD+k\\MEflB+YJzXchcwaFpuI\\CGAdI+gZ2l1UlbR5rn0J2ypI9wd5whHyCi9Xoe7gTix3cBtzsH4iEWjLK7DReo\\v3mRNH1UC8M+IvowhBTpFhqCWoA0OESomwLgYLlhmeJXbMzWAb6wFgDyzgpJbsQZSQ2xOPSOqNA4UK48oxIOBy4l3VKtFpEZRPeW9Pk3PbMLiKXNHiCiWGcff4lI\\BlbYaLq4kELGymCeJviDJVMUg0AqwTOV28lRFDZ4mRgYl1Oml+I1a+anRU9YWVDuwr9xbOO3yIfZef8A1MufifzDNSjVcRKAIZGo4yNbHUYTOlWVFwh4CnaOFeIKkhudCWK+0xBNH1UtRdHpqb3JTbn0IuGvQZeI0p2IG8YmmWoDzLi5CAWOhDmty3rCkARz23Z5nOTsNR\\oDURomKt1Lio0Tv6LIgvfId9TlcPy3OxsK\\kl+XiLC422z2UZ4ikWW\\pFXi7o1WLqXZaqYFzy1KbmbbE98zaZpM+0Mcso6trcq4hOo1dNfMKbHNBOuhg3BEoN0zEr4iIYsUL49OIZkhmC3q5mOPTR5+rZ+nScAuI\\fFxH0v0Zpu4grMY8SqmQm3mA3N5+66IdrlVbKPQyzAT5ejBubJUDMdE519oJxBb1KYqqq5TjT+YQhW6FSprx0oea6zL6Al2jtLDAAaxzTCza4DKjWfn71ji4G3hFHuAdY2+ZqBmijBuZBAvasJc9sSudqoSxW00POolzOqZXrcWPn6pi\\F\\1CBG2\\d+YjhgELu5sS3mdxD25g4GV3Yk1jDSL+7hHCwWtzntZxMDEhE2QjiufCeyLfWUVuUTYlRfvCWq8Ey7YC3UD2gERHHcpcPoOIa3E\\iJSWWo8wFMIpoZmG8iyDa66LG6ha0RSrVfdSa5JVV\\5GPn6t9e8RSWL5Oq\\XMsVO6VRwCLWmXglWy84hNTrFxF+noiAcL8ocI5+yP8AksjWjeK+8qBEjqeIQJnDJZdTsnx6rLZbBVIq8PfhDroLVyaiqd+INHLjiABa6pfuI17ywylAt5hThgbgRYZkiuJ3J5S5ZHwljj1hiX6MYrT6tzF7vQgAl8o95c0S8KxcIPrLd4UTOJR0k59HJMf98JVmgdY5LHxmUksPGNRPjyq3AhgwSrj7zL0aQCPaY49P8IphDWs1qDIWnRCGwzoGvd1MAwvdgYYjbXpqhmoujXKC+Ms4uh0uCJtUoWYIK5eWgvaHZKls4lBN7rMGe9+lei0gsefqkt0XmDihMopU4zQZt6MUkGsx9rasZk6nj6dpVhYjWo0F3Gr3Dhn\\ADTSrMG1sZF8TBSkcKDveypbLfSIslZgPSiDlP8Aw\\1GJ9wRlVnDbCVrDc1m5uOLUBwL5ROZV43OSUAVGggSs5iOeYWlmLmILauBq\\T4ynMT1qCELT3g0SvaUGUnYegSQefqqvnPdKQQetb93iU1LcYHjq17wtuNaOqusoo27N+UVYPStFysxszmD1idXpHK\\wDNMiR4pgURYZ4m7veveHd6FmVK9HdU3KxLg\\S4sxOnJ1iG07pL3mCnDBX0XRILh3lXujc53q5pIG7gaL3DKDpMst13HIKpzPEp5mcYHmKY8cSxOJjpK8JSHZOC4fV\\tjxkBq0FFc8YJXgaK\\Sd5ZRA2116fEqOql6bB\\MrPaCrXuL\\ADKZyTrJdK3zG3U5SNW5b93CX60TE7m5UKiOsqyd2aJk\\B7nL\\cIhCMN3Naypm8rx8wSMo8hS85two+8TaCiFPaNConVRfsjbdRWyVOIlEYpcSdwmEKw+mJjj\\laeqe4fVZ0ub2vUQ2qHUVT\\JLrGj\\1AMqOUM3Wvc2+8v8AbbNeDzUZgw1EVFIkJfPoMerBT++ET1xKYZQSgROkaKrUwtqp3SxIIJipxVw\\afwhJIVG0UxwZuptp3voOhq2XF6hUsUHdMplFu5he5SU6QA9MIrc0iukwK6TH\\Fet8iXN8w5r5Pq1AFgapKzvyTretfRhauUhkHH3j+V7Q5KEZNWr75fmaSIXdSo6mMdUxU7yiyASkL9PCZnolXMtRWVTc4juN1JinITlkBngZuHhYwEuhYa7NfN9xgZ8Ztq\\HucQbS2JVdYgD5guvqDKtxWrcsJeJiEDUBBly5f\\M36T3l9XqvKpcwNBHFvWIKvTfSB6syUAPWHEqO5hM7ZiY\\xTCMsuBksXcSiXhmlzDmFsShZvLpIrC6q4peV2MxybPLFpRhRFjZhikVl8mXC6GMS+ZfSYtu33g8IDrdS+Vx1JnXX4WnzBEZ2jzRluq8Xh+FQyDSLxL3NpjOcZZNwrx3lEwPP1ba9\\wCoJUJVlcVL2oAXRnxKIS\\UWXNy8y8odywl3TP0xpKLl2BWYMyoo8IZQK2i5l9Mw6pl4Uk3VRMyqzKmjKlTOYnDpHUOY4XmADJUjkSa4iAB85+803dUH9vvKoBnd8oodXpV18xOsvUG7ZbcqZlx5Pqgy6XKj3E6pwQoxUgPSWlxKwVcyxLZbrLdZhdUp+vep5WjEoWbV9VeIblQwBXR4cwW3cK3m5gTDmYQYWWwUtiYDh\\CPme1apWwDfSLAlZ3PeGDfpcNiW5zEmIIELhhINsZlX2pFbGAghjxjYjhacpieqpnd2uhXCJX0sx1a+0yLKL2W8AKUsQ9YFhbFEVzlEN7KWu9AV08NEFG7A5OCexolNA3LqaAlACyigERa4Lx7VHLcKWa0ZVeDqX+uuac05dgcamcxX9kb\\1QayDhKOz6uvun3ivM0Eq6maotgSmaPRDuLalOsXwzNn7RZuEAJVvJm\\aUzoOgTTf4qYYu\\wDzEzIOJTHEHczp6AgpxBg4YMgAHwiSz2YRbhsRfsHAT+mIvVMF8XPY8NXzNhOxLAwmnEBvFqxOSOiLWgJTCkNbtnUDkq3qlcSlWC8l2XThec6ZUAXsXQ5aHVkxAorHcB+wuFILsaIPx\\WE3LJkw2yv3qO5FWJFs24znE5aqOzNYWjOcblNSwsGWk7NPWK2nk0aW8LPgQtWxycKnLLAXEMnsrNm7cGXB1hhTGMhOnb+kLvEVMH1aPLHSMmAnCQShgCljNf3Cf7RO6zvx3478d30B3Gd1ltysAoMcHBA70JJov8AMU\\IT\\ZPxMf95+J\\pn4n+ufif65+J\\vn4n+mfif7h+IB+SBQvIow\\D+dcYrg7RfUbaeyE+KlJYVtTP8AhEUfcYqKJq2pz\\Lonwqe1KF\\xO985\\uERA5QDTHfjvx3\\RFIdxnmnmlerKdWV6sUNsVsW5SVlJS\\\\wAQ\\9oADAMBAAIAAwAAABDzzzzzzzzzzzzzzzzzzzzzzzzzzzzzzzzzzzywTggjQgAiARSShiwRCwARAAzBwTffzzzzysR1ho+yYiQsjgiAwxwxwRjSwCTCjTzzzzzy2BBAAOUhIamIWXo2XiQv+7TjBgNTzzzzy977SoBGqNVnl7gVqBx\\voBBcN4DZzzzzzzl+rIfNEaM8qmTYdpZ46qBcRNTTzDzzzzzz9Xr+8IkjpXN6rLDtGKgtx4Gjqw6jTzzzzyvtDNB9v0mwB3F6UWg\\vBMatWlh6Pzzzzzyw4\\jKlTOtQeK1U6w+QsT+sfEU92PTzzzzzxP876\\pBVGUYd6aQ9LjpKi0QRCADfzzzzyuijPX6C9tP7WmHovcKRVkoOTsdhffzzzzzsQvnjWwS+fXO3fAxl0VP5gPjC+yhzzzzzzsQzmDfAeCxqLJ1BKpPyiE5Qr\\K\\hzzzzzzzzzzzzzzzzzzzzzzzzzzzzzzzzzzzzzz\\xAAgEQEBAQACAgMBAQEAAAAAAAABABEQISAxMEFRUEBh\\9oACAEDAQE\\EP7+kO+Twjgji3IFyeoL64Ef8J7h15LDeAH64HbbRgO2jCOw0yUe4rgkPdv0kvuQaSjvgZNnEtNkEPi6hnl7Jn3GZAWT64M1H7cAuIPy26SCkHdh6kIMMl9LAyR2PizrZhyFCl+zEs8PqHhsMMJdTl1+w3p7j4xqLMCxku2ZLPHrjLIUKx4e13DkcGnr4U2LA7CNkeF646uvA4ONmk92McBDvjv4Pdlv5ayvA22ORZ4dx3Jt0gg64PaGS4W5b5kuoWi1bZKtQrMuohhbWSO2cuuIz3w9OPXyXIga9wR5Lq04aJAWMgHvgAMu0cC25sJttssagzy9I\\5HVs4yGzkZD8jrtjvLe7bXjOPqfcULGyRiAVgzzTqDIP1B++MsWbp6k+NUKwzJLP45OIM8O4M\\kf\\EACERAQEBAAICAwEAAwAAAAAAAAEAERAhIDEwQVFQQGFx\\9oACAECAQE\\EP74LJnkZ9xA1wJqDZA2yWe+ET\\BfXnGucFftqSYkoZerXqWOxp1ZHuB9Wd7iHqJe4F1bLRkakyBZM8TBLfML0u7W29omWJ4pHDb92zsZaPQtPu0Sqxe0tdhMn4t+kWTEh+Qdt4zjLOGWWSN3HqyyH+vkWatFtJnREWx4d87bLDwTrhORM+EkWmS3Ujg5x8Hh5Ut14Prjr4CL07sICOTPFW1yeiJ7SlvfAi2DYozyOB3Kw2LIgWLFvLYWNhEuzd8Uhnh7ce\\kcFz1bPuOTYLOrEbXLWT9cFLsGElkGWDLtllkE4l3y9r\\s92RpC5Gzsv298t4bLPH7j1M20thLEpkp5nTLY+5T641tFu7QfGoZrDI\\XgS74dS\\yP\\8QAKBABAAICAgEEAQUBAQEAAAAAAQARITFBUWFxgZGh0TCxwfDxEOFw\\9oACAEBAAE\\EP8A4bgYvvM0+2\\xAeHm8DC+ttZhYxtrN38TLVjnOpk\\leucVVZvleK84BzTjLE\\6gHVuqzC19PM9T0lSHf1e66dZ1zVQtil45lPLF4YBa2utzarnNLn49yU697nTfq4Vn8SkNXRfxAOre\\97lf3GY1+uWpS\\wAoB1a9U7nqRF7JVY4VnXnGn23+IDw83gYX1trMLGNtZu\\iZasc51Mn8r1ziqrN8rxXnAOacZYn\\UA6t1WYWvp5nqekqQ7+r3XTrOuaqFsUvHMp5YvDALW11ubVc5pc\\HuSnXvc6b9XCs\\iUhq6L+IB1b3\\AL3K\\uMxr9ctSl\\lAOrXqnc9SIvZKrHCs6840+2\\xAeHm8DC+ttZhYxtrN38QAOTW\\1duZFoHVW8Dp8XQ+wwgVGKWutm4OWViDGa1gab55li7ACtt6ojb4HKBCJfSRtufjA+kBWzYAxIaG\\A4qKsMqoiUxrIb7Nyg4SsBOq1A038zTVCaq3qidufk5llHKkbbnvGDfCXQFiDUGm3A4qB4TjcoUcS1343E\\hScOarWA02b2zsHIZW9Vc9qKmIt1IE25+MErXAAghI131kqpSlKQKiU4lrzyRFAljDmq1A02e8QmFJVbeqhtyvdX415hVrW3fGD2g5QmMGJLjtwOKiSE\\XIRRxMlpsi9VEMGYlrA0ymVyy\\ZiWW2vFEbc8OUTES4Oom3Nxj2RWp\\qhUL3XA4lBzPKBKMaLXrZuD1AgAxktZwN88yxViDWy9VDbnTtwhEvFUbbn4wPpAVg2AMSGhvwOKiPAlXEYjGshvs3BjEUYwmtQNNnvNRdLardVHbT8nMso5Ujbc94wb4S6AsQag024HFQPCcblCjiWu\\G4n8KThzVawGmze2dg5DK3qrntRUxFupAm3PxgmsigRCRpvrJVSlqExVGgalrt69qfx8I5qtQNNnvBMwpPrb1UNuVqOxGvMKta274weyXRSqDAldbcDiozxOBKEjqZLTZADkwwZiWsA1lMu2ataWW29URtzw5QdRBQqibO7jHslhv+pFQvZcXiUMMNIBRiha9bNwc4MAGMmxwN88yx44ciN6KGWr+VtwHWFSNtefjA+ip\\ykuyS5ltBx8fqtQD0uxOuy7INxiUALV4hAUggHVuXUu5GjymUTurYEccMdwzksnHx3HCoEDpmo3ctGbvqDfN3zcrD5ms8w\\yVjcrG2cM07lSpXmVKzcqV\\yt+ZUqViVK35lZlSpXrK35mDOYLLgt4ggcraLGCsG+2\\MROsxcnhPRuXZuVY5f5m12kQHZzEMC3uLONzMtRbQVqtsUwH5Y0WPUfiXDuDPMLgTJmwlNg6\\U\\VIYvRtaezSX7QM6xMp1kerKjK2BN+E8VUdpmFVKgPmBVzWgvJkqyCPdXeMf3cbaYUwFMX718\\8AMvTGeuC\\bLBQ5NkV8sQcEh1un7EoYrPrKVbxqHy8G4mWlXEp47RWKjOl9+8szXErrDQZ6QQqJNko81UPrUDmX6zcUxqCHF9qhfxBsually4I\\puod7l4LQo1V3LpFD5ShOQ3f9IRStTT91+npEFIFqF+yr94Jh0HB6gvHm\\+0dSveIcjMbclEdOCsiziGu+2m8Msbob3NgOF3pDmhcDes\\q91HkKq9HslOY\\rpqND0wjTuoiXNTULTBO3DBVv1UL216Q1CKuqqX06zVdYXisaNXXEKW2xf8A4+JYcyihHOX1MtEFBxO6DExpnahLGr81FUfxKgS4tbADnhi8g2cN8lRLKE1VsL97+pYsHNRIW7hXGs\\DEGgcekSkdlOPxAJzfUOxHQuGqC\\DK+FYDFPj4je27tVaYv6jdbCHDloF5FgvWEb8xqsm2ydZNe0cOx+glxfDNWIWV6r+Ib9gllf24g3\\AMeCSoTa9jME06ln1GzUuXRBuCLXMSyOyhTYDsOVj0qXS1oqapFoG2PtNXSWaZvxa\\MIC05oJo\\4uIpyNHctvbUBCd3mIRBRLXBZHPJsQN+TKKwMBxl\\EwU6ePMyUH5P1SVOzCHEUpwSpwjoQpHUsDgTAQ16M5bhTCzaW+fuHQNTEzvFucSwKCyhfdUUIpodv1qA6lhnIv7iWlryo\\dC4t0s09ptgjIGXxmD5TCa0vUWaAei+2H+XAEV9JfT9IsYL3XiATBgUHglhMO+oUoFKNeTzgjAjwWg0jeD5lzh4DmXHK6TMS+2OGVt73XrAcUyBC0aGxxzUrjKfg\\mNVD0KvcoVb4pviotNZmbX6idkK7teX5hTl9GLAAisrMfFVAWFIxarx168Smgq7IZmkKEQHK16dVxEaIIMWKRPRfeoc3ENphq6Ar9EN9GcAcaq3zAocqghWdonx7wV2VFFsmq6DLCpD+2qPoNm+eZRGZZpPsIUyWAFUALbj7WLUX5BhDWZEY39Itc+hGGY76YxtG2xBIFOLX\\ALOMJafc\\mUVVCiGtqDdef1UsGQggXLF3OJ4qLnGWZirHBldL5al881YQxwasgPRiy0ilKIcoECQWAXR51BGT8gAtoAfmK5Qc5vJ6fsxBfb6YDBGBcZuYktO7lugzgTcPwbzZEAUAMcvMywBgsfZPgGCva4+LWj+LMZ0jlv+IgmV95VvwkZNRgt\\eMr2LFoH7oMg2REPpMSlc238XNg09T5rqKNyABpxW7lO1AwG6233FCA+DctLHTiJfVdoNGtnhmRVzaILDrrVwVrqaSg3Kh5RWs3bdVXw2dVqLChaxhyUuo6piLcvkS0I68MsQJotWYb1fiGj2fZUpzVL9Q5IOayDewQ9QT3mt4HB7f3qXck1WC8d9ua9H\\jlYkWqIvPnXvKzCFeHtxCt5BNcg43nHx5nRBkAAuCKte33HqPlYj3bFaoC3mun6ZbAVLwv0C\\4i0AVDjpfBXqMAN3mY+ofq3dMm8UDPnU354r7lamrjbXRZNmNazG1YkFL3Vbc5g7tyCNbMjffEA13+tHSfpLoh2kUDk90dsLXVcM8L+UotjKup0jTm\\eOiLDNOJQBE09YdXJvW5U9lGbh6AVuvAw2edS5jEdCGgeZrSppvodVBVdQLQEu9+kV7QcxwXHcX4thIoYLDEtBzgWo8XTG2JooCl23LYQXitSgBDThqKKaGv77EI6h7JkRMpoI1cW1K2++5RHNr+EcTLKJVtt1cpQQF18wwatBy54vC+GX3aKIlcrLfRmUezM49W\\jKX5SZQWJWc1I6Wj6fcrjGi1\\MHv0Rjzeo3BQKl2RO\\MVPmwz6ly75lsMDZA+zyblre6mWr0aMrZziLNYeAbKODP3LgAwFxFLx73Le9KWGu6QzDtGKgyWR8aiu0SnRG0QqFyyn2f3MwUKOJ9g\\VFYB2ms37PmItB4uPLFWMb63EGagbRzfiY4cOooyBNSqTGxOJaDEyo11BFDgi9UzOPkpUtWV15clly1YOK7nBy+EqDPLk4WpXiH9yKsU7IVi9Zdig6LgqkAhxisMwFkU4bU61QxzsXYAFFhx8ylKGqK56L9JaDVS1Yqv6\\eGYNgXGVRmX0kd2EvPkgh5a1KLjZqGDsqUbgs6yhtb+HLxN6bwKcp8H7ykrxvFHPNtPiUKPqVy9NupdiXQQeaQ+Y9wICrVamIkjM6f0MtjG9UykWMYGCwFL0XCuQDmjZBpVp6ZjIU3095cGHCDHsyzpVyBfvBgN+X\\EJfH239CBC0G8EB3S0sik08MrCuIgwXg4iCQcc1n7mNS9lPapQX4BKFzmq1fMGEi6zFORS1ePMUxTLv0jv2h4iWkBKs2eeuIF3NBbVWz7B+qzgMwz4OvaOhKgSgW0Os7iKc4vuAHOYjKzUEHfBELAD0lLnO4nkiXM7Al0IyOZW2Zu4HRauLZkWDzEDcs5jeoNFcKgHyymyuGJk2xjUq1jpoq+pcONYr+5goguxx7J1FaWXtDXV2oGCa\\B8Sjrlwk6YDGLznK8qyxXXTdEaqb49YOQVw1HVwHlAT8H3DNqsOr2iWBmocC8Lw84lKspjYCkeazGiI16UK4XSXO1iAC1bnWYkY7RL6mhbjJUdoBcGcVgDmVHuVKry4xURaYDnmVTleIMLA8Ec1JdVKsG1X6j3UsaFgZffoTNzdGw1wr7icpCAQ7gTJKnGOLHepgsXa0PPtMtZ9IXzvwgCb05JaX5iFmPmGEFF9EpBtN5Nf3MyTLS2PdgArCOsROvh+q15VkqhqHUG7vPsXtGFi\\EUVzKDV1c2233WozRbuXf5kzaWFRprCIGFv0loMoa+4rSm3LM3eDiYFw3l4gqhY5YAKsK3ebgrTebRju1zRMHj1NwHBuACsBj1hsAK7iWQwVxzKgLRxUC1cYl93nUpF58wj6UKzahx8x2ibKGZAWOIkoGNYN\\cL0RslhrFhKx6psLpq\\YQERnkjlWGDwIXkCpmhwIpm6xuGEvd7uUExOO4E5I31moaNPj\\2NxmTdilZVWHNyx5OyNBm9xVUiv3MKd4cTs2B0o5dcfUC6oKCUUXz0wlRCsCIEcUc85l\\NDXBq5l01d+WIVbGJUbpdTFaxKTmZmEwvY\\V8mc8sPsWz4KM+bfEt17Esgc9TBmW3Eywt8XCilUwvdsLY16IgPUnPBFaBUv8wdMEBHZHxG\\aVNcccBuFtxpWiFTyyiiqvueP7AZlhahzWYVKq8+k1pEdwoFZeTcMsIKl26HDUEGGaqpVYZ4iBce8obLV9ZpPU1jMuyyrzO2B1KaIoHm1rnuIS+uIdrpeqZXcvHxHLDIyxLXpLcrU5uWgUF4uFWC7jIsVWZSJkzgX8wupwgUdjiOCbgNPjkmFbQjHnOfeCazhyvrz1LFsQAhXWdlXM7VXsgto1WOpZFIcz2h2eH6uYWt4e0ZHHicUVHoWfT1OJFRWaZ7htXaektEQxqFrS3VwyQ0XcCWo+8wAK4lHNep4eTJFQGMYlqcIwZeY2DqIA94Qzhk+4V45A4tfBCl6Sh2BSDsstxNpsssOOs9QAFN0RF+Fcxl1HDtFtQFzBC\\2lF74mK1c5hkq+5YjUFTVDXBdMIAVQvDWWXBQLQ1\\bhlQxZBm+oEhdQKRFK+oARkWko7M+0wGv9g\\kg62rUY2BXHMAhz6kejKeKjZLL1MmnVRRS4vMtLQXzUMEL+Uha82+kam85gUoew4m4Im8xpoUuC9Zk1AjcaGWINZibYvENnp+qBSJHljL0GMxsNbNGqedB2eTcyE3qtbjb7XkjDNfEcRz4gaVVfUR0rMbmPG43aze6isLaQwx3cLYKKyjzBprfDK6CBQhulXUDlXEEsKWiEcF16SwUDJy9Etpg0DRcjBtrYWURFqpPMBXbxDQbC2sTIbf\\YaqaqCcuIDY56itjRQDvLD94C0ClK8OYYk7VTrt4eIEjkVTTYhguo7HpACVlVxk3e5t6DBZbbnQfJBCAZgVBHAFqdwbWVFaGrq2rme614hr6Iygc4zMizusSir8RBKOfWXrWDUsBwzf99I5bZPJNwzb3FqFqlvY+0AQc+Evg5Zn7zk\\wDEP+SlwSBrMpV3h+rdiAopk1cvrXwhEZS0oIDQtPbTk31CVh4irBpeoOiorCOTbhyOr1E5MLqrgQ27nMpJQC2YrUsKdxDdNHUUyDmCwLm6g0rm7g4hjBAalJjZFlV9wWFo1qMmTsl6r9KrYeoiub+4gJklAVeWYHuIFNHEA4cYa7gHX1uNdlecQzJfvCs8HgLMf3+\\iNqmjh+0EksYw7MA86gQ+UCB074l+Qm1Rr0f7uPXsHKQiOPT6g1HxIqePogF5AFQEAuhzUsRuECoAPZHIK1RUob8XDLDm4lKh3KxUtZxEGKKM35mWQlEbSlrurmhb3bgEHGscQRa8CUI8SjbbjMUEB6xr2ejBXSXOFB9\\q+7fhEY9m+eoX6urjtKTIIFWNik4P4p5m2m1DeUL0gJmAhBhTi9pEzC229lW935jS5pM3BTIlSnrMAF3Gqbr1hYCuypQ1QiO3URajZvMy7IkMYrjUBPHvDRdQBPCmUCGeQGxTZ6SwYUvd4hJlxLhdupYQS8blAWxuIwrTRnMwnVazDJS5OZkShgaKlWKA6KSus3xEO5KvduFWLjDKnhuAMEL2A9Zmi55MDfDVZ9opwN8K6zAotu8xVWB4JSB2aJYWqFeszFbdzFdE+kMGy45NN1wyxMJTC7gaWBjYpe7juLQ8SlSvFsSXUF2IkCqzqXeReMSlwx4iOd4cMVvghFZOTmFUbfufqgc3+qiEN0Xg+C0umrviJKgBUYXA1aOw3jVxxG4+EZp6Wt0VXdV6UYW0JvNnDrzMr3wxUC5l0nkw8pymplPIsjra8kyjRYijy6hY8qoUonEYve1qGypQC3FHboglo\\tuWjVPtKy4qAt8ECmEQdSm7EMwhZAQoFOiolNg1czc5xdEVNlBn+ih8ypeZZKtv3jVVGlO2S7MqKeCABQQhdIDWRWaMWCDVbgW6y+szrJpzzElRvOZdWn74uuixESYZwCBgFaq69YxDoDiFzdwZsWVDEWb86lyFWDUsuXI8Eo3UrKsQgBKPNFK3eFp4zAHTvvzNwMfU\\qvpWrh8C3XP9M4xIPqI0u+dYuvMpHqneGFXAgW1t0DU+ICmgXbY1lUwNI98DBc0gAvfpcWKGv4hkdIC3WIGXR6EekFvjzBThxxfMsuD3uK3nDxEr6upkiLzKYaxNeZGCm8rg8hF6guNfEIgR2hqByKscRBp0zzFsQ\\mbYNPcNScYmYFLN1K2FyjxDdTCaaqWY1xXlmtHW5WwzCJtAhd5FExYWLXFc\\CL8xBiCingWT1AKAJfmoFWvaVBJsPBIS0xMEMlJxbMru7oLgIzV0MDZHvzKhaywgDuggDWaVcCMdSiJClxlVzBTk7tmZR0mDUtGF01MObVh7\\qg0FJXqqujZjOId5pTXWWApTRTVzLz1L75F2HQOcWV4VEAjo05HQp6CpEWA72xFDbFS3MFo7ILk4MYnBPtNhhyPtDmhkxHMOCtw4F3bmOPLrmAOTxzpSo4xKcFdbmRsHZGrM23dwnqgvMpCoDPMBqI2LrzK1iUY8zJXDXUUWoiBfMfbwPETYmY5lFXxUGBGEA+44qIta8AhmWGoAVRHMqA8Wkk05oGHKYdSr3q0Rarauu2PjetNSxas7ljIbwx0v6lA21ZBwCvl\\vUJfDYdwCAKpiiNLFpxj+9Qpy1drWpnrx3FWXmD3xA1llO5TuCZzNzWrZClUZqveFtFs9bmXGU79f1dInENNdxAghVAUHtEZRg24pxQf+x5LDXscD4qEVXv5h\\wAwGouTCDb4Ql4NLkls3i9ekDSmJWc9eYNlMGrlhfl\\5RodYxvzEzo9mZ7DN9y+4577mFKrmWtBfncYF2W1EoWcJcPJbLJLX+0UNm3axYoCjrcXEDjgvIi8S+Ku4m4RusiKOg3zNE+NVIoGkHJwTNYgTObuFTmkwEKsD3UrVlPC3LMSkqjiWAuzHEQ3X1ILIAxcHSrWZxA+Cq8ENc6w11gzsYe4VEVWk9MXoyOMbgAHzBVaI87LGymIW0bbS1\\JjVCgq4xdRojqNKHVwAW2GXh5iiUocxflVRtGjySAnKvbDHvIP1c1Vy1XwaPlLZvV6gmbX9+fERK6KA6\\v8SlSksi2R5TK9y0sBxUUGMcvEDDRQZ7jAAfQcREqrPEApQsPIpMi6C6XuTecxoDGOv\\AGYWVVTiWsHJwcy2M\\UfXEZBW1kuB2hKwBriVINHMHrZ9RjAz4lCCQMYDjuO0UNa5ihkOeuJcukzzXMaUOFxG6MytCo0wqnicxpYIkVpApa90cwFIcsHUScgY5AR2QkHOVvyGuqMKONTLDttPuD2qIfcWQA+Fb9xaod0X4\\vEppR61URtovdzJKi6o9wVOjwZ4iQRs2pzlgDo8Qel4e+4o5KlQDniA1dn6qLuX8IGtxF9GCvS7L4j1FBLlvUZ76iAsIPKVqFeguzEc5yT3jSdjq4tlahQh8JcrY9IPLZi6L2ZhlkpM01j4\\aOR+k5+bl80Skll1aq5xlSijbdS2wLseJYAAeZenFsGFeEyZXLN0xVZYCb4xiGGrp1iD8vWoDIHRPJlNG3VXuYNIwsQ82cQFJrnuFqYVnJG7rTZZiF9hqaUVcRA1V+hLIYuv5jsW4IDd3VVEC1pcUy6PIxS2I7Malsx2MCVqVd4vJUtChMWghVFmXiPZWywlEEiru6XAME3fBaT9x071Elf8Ax2ROCrag21le6iEQou4YKzshchqBWY0BCAC7zznabRU2QCIdIXqZxdmopl8GN+0YQjQvMWzSkesrIZlh13SiCmNLFDsEWBXK3Whk6VMAuTjRC6K7MlX3iEiHwpzAVpEfF1+qWzfSvSJaBtC2csH2kA6YrFlV4lI5XiM1VvllCLtDEDocdlQD\\wAYFaYGgHFRuxVeYsVSjVRhQNXHAGHkQ1UC9y2AgQwAbaWOa8XEzzIKo14K4RtptmCiujQd2NW7y59ZfGWnBe8EGbRq61GpSqHrcCm6PSNxcP1HPBRnzCKl41FIIu71LhyYrbmUXt54MwhIk1taSJ23N+VbtsU1rmWoj36Mmw9ElU9FYn3aVv34jCOfv9dVphLatLsiyQoaDuLaI+XuKVY9DiWi2DRyy6l3OV5nS9YBoisGNzPa8yg4a0IuZcpIzZwQKiKAu9TNfaYYIFFEJoXfQCiqySKjQqgawpeIREuhOUDyXDe17uGkXDx0BeSO9Puxl\\1xg6neS0K9NcG5yJktFwR2plDqWsdWKyU0XFmzqO1IR5RaOVJsDWrJnsNWLNc0oWbo3Mk7FTWtSqytoJi8PN1gh0Q1a+q16tP7Wlg075PZ98J1i1CNFF50fqklnOsOfbxKvorsHkxuG6o7T8TEw8J+Iu8p5\\8ACBOzN5\\BASj5T8RXfzn4n+ufif75+JX+Y\\EB18h+J\\rn4n+jEQwcWmPSjHqZ8yyIGSC3sKq\\LbMrFZJEAVRtoglUen4J0D6SAo3SY4BTOS7gwJsgy+e5FygDxAA3ngSvP6fxCJ0FXkctpd9xFGUdqtyh19mMzsNCYBYCqM2d3Lb90xwsc6DcQK7VfYLTw4grXRZ7KCoHnyj0uy3+\\maKqv5YEWKX9n4mW6P6dSoIQqp+J5cjs\\EC\\IfiZDi8n4ljanufiAN2eqfiVgAVrJ+JgQA9vxKuflDNlStvL7THX2S8r7Y6Kb5Ej1lFWpLuWAcs8UCDbj\\4h\\\\Z" \* MERGEFORMATINET </w:instrText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fldChar w:fldCharType="separate"/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6" name="图片 18" descr="IMG_27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图片 18" descr="IMG_273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color w:val="D100FF"/>
          <w:kern w:val="0"/>
          <w:sz w:val="36"/>
          <w:szCs w:val="36"/>
          <w:lang w:val="en-US" w:eastAsia="zh-CN" w:bidi="ar"/>
        </w:rPr>
        <w:fldChar w:fldCharType="end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AppData\\Local\\Temp\\enhtmlclip\\QQ图片20180802184642.png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2867025" cy="2676525"/>
            <wp:effectExtent l="0" t="0" r="9525" b="9525"/>
            <wp:docPr id="21" name="图片 19" descr="IMG_27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" name="图片 19" descr="IMG_274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2867025" cy="2676525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Documents\\data:image\\png;base64,iVBORw0KGgoAAAANSUhEUgAAAS0AAAEZCAMAAAD11oNnAAAAAXNSR0IArs4c6QAAAWJQTFRFcJOZysnKaoiMcpKb8fLx8O\\v6erq+\\v79fX18\\Pz7e3tW3Z89PX0bpKXY4OL+f3\\+Pj4cJSb2trZ5eXl09LRaIyS4eDgXHF2xMTGa46S9vTx1NTUX3yD9vT4ZoqOZIWIR11fcJGYSmFj4eTj6efnscPI\\\\\\\\ppygxsnKdo+S3d7ebo2U8fb3bJOZOkxP9vv+ncOUS2Vpa3d4y87O+p2Ln7Cx17yP3d3beYWHs7\\BqbzAyMfHW3aD\\f79hYqJbJWXss3r6uvsb3p\\ttPzlrqN+ff1dJee9fLwrZh0\\fz1uq6glY2Pcpab+6aWopeR8+zjvKaDYmZUjZ6nZ1VLYmlpr8PQgnl75pOCv7y5fmVUqG9gq6iniqqB0YV129bO69zPl4dxc5aZqsLeqrO50L+pe5OelKi7hHRfhpKW7vHy2cq7zNzpqoVsbYdmrseogZp2do+a\\\\r9e5BzzdTJ5KSWl6OaW0dEwwAAIABJREFUeNrtnYtX2kq0xiEkkMSkCQ95ijQFQUgsIrW+Diq2gCAFRbRYW4XiC7St1vr\\3z0TQATt6Vp3Lek9d6bVc6rbyeSXb3+zZ2A5Bgtpf94MBAGhRWgRWoQWoUUaoUVoEVqEFqFFaJFGaBFahBahRWgRWqQRWoQWoUVoEVqEFmmEFqFFaBFahBahRRqhRWgRWoQWoUVokUZoEVqEFqFFaFleR8U1xaSIhv9CI7QILUKL0CK0CC1Ci9AitAgtQovQIrQILUKL0PrfNnE8EJiAFgiMi4TW75uKSXVbQCW0fqOrFxMD7YVKaD3RPBOPNA+h9WibnHi0UYTWn8N6DBeh5Zl4snkIrUGDn\\hNUwmth02fDWPhgRbTZ0ZC62GdpYsoPNQeFdez0bJarYYZaNeK1boGbdKqiMVicc1kUpSGqDZ6mWEwKKYifBGaqKiTipLNitmsNWsSxZmiQeyPgy\\CYxBRd4GGiELW4FomuM7aWjeuIYoK\\DWha4vj49lG0WQwmdSoWFQ8hqIh0KU1MTHWLbUmxsZ6\\9YH8uy00BWt1hkRgSuqFLVcCUyoigpfBlpFQ+PeSBSTQRStqmhoqIHT5crEmAo0RYN1xloU1WwvDHCJqlI0maxFT3S+ORaYnMkq0VPoXwQuPYNWDY2G1WAwNRoqdbo8PzZBXZvgoioMI2tVO9JCtMYmOuRcE5WLcHhsDKDBKsiqt+fORKtVMRSL8NyLDSpQuZQk98Yrl3qNv+jxmHp3ZyrCjcyIWYNIUfPBeHxp7tUY5cmKYtY6LmZ7qaEYTMXiDGCdGZ+s+G5uphcTY5NqNGo1YC1Yu3HFIoAHMA0qOu+TtGlXdUwFYcIDgmbyjHVpjYGkKr4W57uINn2+cPj1Kxd8fUwcTSaCouAOFTWb9QQqPk3KZcKtpisB+oLMKJp6YjcZrMU1D2DxUJVLTZPpVHo+kQhQWdGzVuyPMxlUFViMB06n\\ZKs3chLrsTYOEiuoaDrdOMgAbNF1SMuVm61VN6b9x9WExMexaQaUEZS99r6Z2JJdyy7zQG0KonXCdBXQESOIHaS8fl8C6UYNE+gMWWOW\\xOJ52SbXevgNc1EOujJa4VGx6KOoUwyesse2UpdpFwTUBiFg3jPQ0iu2tEKSo61UpZWsGgNxNOVxIAQmwooum+P9CySbmORqfMUpx32nNyOHbxKhG4NmVV1aRM3NMKVMKpZrQSDIdt7hr6tPrypWtsAjRs6FnX89FCsFRVjc5DEgp2X7O2YKZTgo9yuQLRhnI\\SRmsax7IqOWgFJfNxprbmaPjUnIDeFEq9GC4F9c1OFElJMg0f1SrOUNMOOxbhfxRG6CuXgZB\\gPTZlCS4mnfkjvYaklSchGFoYc0MXbvW75w82LJ5wuFQ6VIOGz02ZY2Xr8cU9EzfvZM9IjFrDpuqthaKda8ULv79vN7kGZylvjyXMJFicUeBFFErn2ZklneVtuq7tdCrNzS4vNzCViKZJV+WNGKQ7thmYWT0qdPJ8cZhg+zxjmgrxStvf484O4VW1yS7b7pymJl3ayxnEVbmkv8A9Iy9GlrjA4v+WwOozvsPTgPh5PGpM8373o98WJc6eF6NlpFq8FDne7Fwxba6b77+e3Hj8+Ht4Lsb0lmlECTPfcuegKne5qUyTndW9Xq6tZWxOaXWVq6hLAXnnta0NuUJsW1oDHy6dOXjx9\\HecsLcZingczHPfM9OZO6C2eknMLycPF07O9r1Mxf4bhNHPFBb2N39NyTbBhm89YO9wK5+r14+Parc047XNXEmMT48+aiTNWpagYVCq61AJWC9N33779\\Pz58\\v3n78f0UI6xIKTuAKUAjOhKEYXo0vp1E3OaYzMVfe3tkrQaqGbm1Bam159VcWuqzTWPIFo0yxJWqxdwKxQ+3CcsWjlnLMCWauqDVRyRKlV6C1Px6bPTq\\Plr+idqnF5XSITkYTrhfg7WjmA1p3bi5sdxe2Dgrh403Utk+OjqanHbG7KnhANIoEpjwDLQPQMonIsOAZ292HP7\\9\\AGocJv9zudpZ9C+tOFyUaqYFccX54NSSl4wRvbn9le3SlulSKS0FTEyYSZoDs5vVCcosWGYpFBvkuBcKVzpsN6g9qt9nOft9uASVBOUaMhaqev5IEwCMff8xXXlDLNaX\\+6Bz+qxYKx5lwClAPzHqpGfTZbOOWunxfC4cKmjqvQPnIk7bGlRUhuFc3dz0bLc3qpSWEzYgXCAllhVrPv33+\\FfIhm89x4XKB5D0VG9hx0H24X8XCiuhtq3TosFjsttg0mh0nRU9lLx6Ph9qFzYOOst7oDdIxw8ds03eQjpPjKtQgKcnubl5EO8Ja19ueOZ6y2xbcF69eIl7UPNAyHrpTegkR2uy07ZO2PbQQS1ZQcquQjc9BC+pS0\\hUXAqtIFbfIAdRGr6fBVrw8f57LM\\EjNNQhAYoaiosp1cOV4EVOBakYaTbSk1nuOVLJqGoejGuTsX9vKNQP\\90pWfhm177BfKyJacvXrpeTFJTkpSenr\\Y6Anr6\\o79Ofr+qVZ4h3J6Y3XCdfY2AXUV4db+zv1I6\\3uHAcLm9vbm9vY17tfHnBmFx9CRd9JlozVpNhckmKAYQd7FifESqsrNlZrK+gxdahtWcJRvarO11YpXtepUjNbEm655BoAEPocP\\84NMXaF1WH\\SPX+1y3gaqcb1Qqam4M7K6sXF6dvZ1D1Dp0gJa7+A\\4AuOpUVMqwK0znd2D87rV5tXm5sYF0IFn9+2yynb9CKipT4nrXio9Po1UlZXVxgVbu9rmQV3V1u+rdevq3MIVmSgbdUsvprr1dg4YJBipd1dXVlvPiJIH3rq+vjB63RfvMS9SXaYV6NoLkS6Wv+KML17h2i9+3op+dzRl0DLdWELh3d3d8\\rQAtROg63t1EDXm\\fnnjt7sVXSFuG56EF9R1oy3y3s4MMHrnW5\\d6Gs52kjHvM86h+wtMpYJbr3er+8i0dN9CH4cR\\KlDC4lGMkcOdnuzIcpANCl2RJbDtKjJAGjrzuUCaUEiLi\\vdaWlf7pM+ZY2dFq+3kbNse5Xm1f1+ibQegu08rGVxZf\\PDet9N3LHX06\\Pzz57fPwOnn5464vudttY3EWACcJuWEsDkMax+YRdDn1U4u1lKOFTDcFyZIsWABaKE0\\Aiz4tWvX5+urj59+YV5fcjE3FsJV0AMTEnBeaCFXGv5tHJ9BpAuz\\5ZfofbZfjIvfjShbVF92jVD87PN7d3UcPSAlrBjrZMz5WJWFuHoC0krdnzH7OfdwqzP3fe39NCmfjCA5noPES0oHjY34+UqiUAVqquYnFFajc+N3J5dXIqbO\\QevPl4M0HSMlPHz5cnX\\QzSuvZ6IH25tr4vSs+XVv\\\\TdcnUPcvBidxnLa\\1ScgCtMUxrBfIa21YdGB0cbB\\U6+d1DEun9ZzaGqD1eefz7PudH++\\7c7+jlZ1PxI5r+9DJlb3n6b18dOnNx9AVl+A1kEnEx+htVw9W1+vnr17dzZ\\8IDWPxN9tDY3z4EWEKtj33o7QlrpLq0fQGt25+fsj99qa2sHbH7\\vIRpRYZomWsdWgdXHz58OQDr+nX16cMTtPa+nu0sv7ucu3i3V9nbWX73ro\\Wi0CXFljVJuhqe3MXhAX5+PZvoIUy8P3swbfvnx+lFcS0wLYwrYPDyOFWdevfaO1+\\PDl06dfj2RiU6dV2QGP31+8rHxFtHAN0aU1PtFHa1endVDfPD\\4i2idP01rt0OrhGhFDpGBDdNKD9L6+OXTR72OeEhr7kWH1jugtVe5nDpoPsjEF+NUxbZy95AWqk53\\5ZMBEoHP5+gZe\\Rwpl4GNnfL\\2e1htE6w1yr0d8q0MLZeL63AXMjmfgXriU6NLyUPOyr5\\W1S42+IPNt3+Ly8\\u\\Pg9ra2tKhQO5\\uwIilBzXX4JC3s8gcwOb7Z3v34SCbqtJary+Dylb3l5tnu2Xqfb6GLzkt8c0endX6wCbQ2EaiR0or3aL3Hc2LpcVqpLi2cgNWtLSgh9vef1tYbmAk7cyL2+mHfwrT2QFF7O83L9Xd71akHFYROq3ZwgCv5OuTf1cHb+tu32wfbf4G2wLN+fPv87ScUpzufvz+kNY5pvdxBpXxkdR8q08j5DrT9TnUadtSAVgBq+XAI00KFPCq2wLR+bWObR2V9HqpTWFWrgT3J3pz75\\Rs+et6ZWP59Bote+arZ5d6LQ8rny4tGtHC1Wi9vn2+fXKwWTivd13eqa8TR0DrJ6pOZ3\\8\\AHrnR96Lf\\+AS2oIHZ0baFivgS6wiW9ri2Lw92l1ZsT33y8ukLC+tIt5UFbQZ0WBbTmN\\Cc+PXr2WkFQzq7ONMX1rDyqS2+mkC04jotvNLZrG++Pdm+uuoUEJjWKvT2rLSaUijSmRMfrKgxL1gn6rQCU5ZgZ+Wz1dl5uG8lyES0TsS0+MjBwScMC8SkT4Uf8OIa\\oC2LpAaMC3XmE6rs\\vQWSZibdncXVp8c3cHT4Rvh9pJ3u4egbaCEV1beA9itruoxqvrWn6hSyscukOrarxdM7AHUaoJNneXVuywu07s29zqbHFlgtNdWqG7quu6sqxvQSBF4R2Ijsvb8AIQaKXQfH1e334EV6E9Glr25urcThWn4v1eIN7kug3KPW2F8TYYXvo8xFWKuPlwn7YOt\\D+1jArfX+rS+vwYnHu+uysu2v6br0DbP1Sg4uCtiZF8C1zE3o733xEW+2yxfa8Ozb6nMiGpg+BV98Ol66t7zFBsE9jWpOQiZaYu7laRTtc\\bRKpZr9Rg6udH1LYp0rhdK5noz97cNxPm82rui0piTeXmtWNqgKJOP6enevBnR2qWla0NjLRNZZq0Fv9c2HuE7ax3mvOQkuP\\G8tJYlmWWD080fVX1e7CQj2pdPsTGHsUsrzMiszYh47W\\17Zse2tgwYzO6dVoBoCXLduDVk5c+G\\46Luf9seSK8aKzDcbdyHZj84JC+\\KdbVOkq2BcajlvV9wbHVqyV44Zgdf5Zj+vk2Nvnoklk8YR1FtsjtVattvvP5G8OpvMs9\\pvBxy2nw9bYU5QZYZW7K5v7O\\2sV1uJJLWUI2my\\ZpWXhNC2uLbRr+DWfviTUzDGb73Yl2qEleHN51NvFC7TJpcsLhCVp9oWj21u9yAvMo7HJfmeyUO+XF\\TGpp0LMLZRZGJOEASWdyabPzvuNes2pwTabHfaHMaV7pzIcgInsFzMcYhfT8SVQzps4c32GHolGWhRKihVoGlWZnm7r1Dv8AJW4ZSGevMl0ZyPqtM4x7IozOlrXixWkLz2gFUqlQvpvW28+kfPRBgbyzLOZK27r1Vol29uUG8LDuMI6q0OLb8lbbu9+4bS8fsRbWFp\\nFadChmvMMvkx0u3ITp9CAtjqbh\\gSacXZef\\1wnMvIdHqQlh7HmGOO5uk1yOvSHI8L6VB5kBbHAVgm5Dwq1JHbnxyXUW+hEdOS05wcirnvdn7UzPmUwPCAIbgwTItl6bRzBRaL7kxYZhhhSFuACuLklhA6bm9\\ugI\\znM8wwzSEjiaA49jWeBVWaxcavG4RkPUkLZwHMuGnCuRev2knM9naD49am0xKYGXhWCsdmuGDOEFHp7fY7RasgwgfTUHLzM0KPBRWjQN9iV4Q0ftds7Ltlothh\\KREFvGYEx26YdaT\\LMQzDp4czEdTFCUKK5xdqRiaTy+lho6UlgN1wfj9vDzEwNg4whFAmrgzSkpmWxUKbzTz8hEDz9FAm4nvjaD8HHTJ2J7DSNI43D9KioTMEwpvzevmFoJyDxqTT\\FAmAn4USGsCbzfTgsbSoPu0ecS0cGPZlh+eMgfP+QlaMHa4U5oGWgwockhbABEbF2\\xg\\vxkGstDanmEVrQn8ACLPjrpTM5Judl0uZBWpgqxNEZlgYX4DQ\\epLm0GhpwVDgEw0OwTG0IOQ62hrORN1xWJlmkLaYQVoyEgJ0KINEGU6m\\dApg6EO+BaLckxA7OH7NBK0FzCkh11eT8UcuiiMkKFpPa9HnIkcpBbKLgEbz1Murwk4g1h0ozTc6CAtpBmEAQkMAlgaIOhhA3Nix7fYFudn\\TKrwVO6Z\\+ggtD9LcOyoHoZemNazMhp9TWANUQrBeoTHjZUBQzREoYahDE6LUe\\toTHewsN0Xo8jNAitAgtQovQIrQILUKL0CK0CC1Ci9AitAgtQovQIrQILUKL0CK0CC1Ci9AitAgtQovQIrQILUKL0CK0CC1Ci9AitAgtQovQIrQILUKL0CK0CC1Ci9AitAgtQovQIrQILUKL0CK0CC1Ci9AitAgtQovQIrQILUKL0CK0CC1Ci9AitAgtQovQIrQILUKL0CK0CK2\\nxb6rciP\\XbYQVqdsD+gBWGd36XrGP7tsOyDR8Sk\\5WW8LdpS398\\6otHPYntITu79L9LS3hd9rq\\erdvy8TuT\\LxD+nxf0ZLe4pWvrvFe+T4F\\lW3+Sifdq+JNM\\N9pq58WrT+i\\6jLozv9Y9\\in\\Ctv05bXH\\7jW8NhD1Jqxvzby7fi\\sXl++PGz2t\\oZU8xSt\\jCcsU\\QetDdb3zrQW9PZOKDwbHcX0BL7m8wpqdoPQwThKdo9XWFjjNgnqLVF4fOl0g\\Qgsz6rvmSGnlcnIr4z0+Oj46Om4fHZXh73H5mMZnF\\juaQkyl+EzLAqAyF4cM3guhtxiBW\\+qF3udtc+Pi47hn4bf0tmmbwXYtCFIWShDb350vQgLRadAQHdtCEK\\+e47HTy5uCoaDFeWra4twulUqlQKhS2CoVS\\aTA6vd3T6sF8xFrcRdOtlDcCQot1dsnND9wLgbH8pnMbeGkhE53KxTq8H\\1k1p56OwCP8dmHIe1zlU3IziMGcrEeEvIF04Km4X6SQn6hOuWau1McESniExJ3gzjlw\\b5XrppFwon5wfH9cL9TbLPKQVhmxgMpnD44E4YYCWzMuczNQKXrj545N2+\\wEfqBeGKLFtniLt1bI11HYcfscrr8NYfwgrZbkLZfK7YNSu7wNfZZP6qXSMYSNhtay5M35NfmoVIgUyt7C0UkBWrtwIgxoy8KiMz8yDhSXu49rD2pLkNmWIC+Aqg6hu3Yb\\qdwclLwDp0i4qfZm6ND+O5xvtZul1BYoZAPDdLSWt5MDb5Z85YjxwV80cgRwztHlIlAS9a8+bIzb88zdiaUL9sy5UwZn1714IQagc5wXkvImYK4kLfsLTtz5UwILGTA5VsWcKSc02v2ZkJms7cMLceHBmkxssxwcFUvw7AhhsmX7TkvH+Ltw74l0xanXTaDt+fK3lCZhzg6NqpMjCNt5bwsw1paWlzzW3iLBbIJHATNiT1aYVwa5SxyS4Y4qUVbePgBTuNDiNbKvcuzXMsvZ3JgYJCULIvOoqF5eegcMpnx+4VMJgezgibFeRm0y7OsfSgTYTZMS\\G4psmaxvplf7wVb\\Hp1qhcXssBrUwZpjx4ijLr5y2y34\\OU3uorRTNCQybAaa8BZ36I5tTcJ9aS9fWPS2gzvo55oZuWSx+vyynNRl+sDU0JzLoRKAcCEtg4xpnYdCxS1rLPOTyHENbaHRWEkeDZhlUQvh5s9k8skz0+lsyTMtHR0bfijG0kDT6kitObrCCgHqLptmQ02ZzQBVm5G1Go8+xEmSG6i24aTlnC9lsKz6jMRSbXnEkV3zc0JwIBCz8gh16SxqN9iPobWXFZh7yLdZPZ0LOo2OHw7Hi4I3J29uVlRCbHlW9JYGSoOBzxHxJmy1pM9uMyWTSZ8dnRT04\\QjXj4wPxcHfNNDCcUOntgmcLId8IZvD53PYQr6kMenwxUKD1Sk6JUsOLdh9OCwYW0FhztAQLZlj6WAMftaX9Dmd0FnSYbOn+ZFpy4\\K4xxrgZkfhgb5gU7YEoZp4bOwIBPBkOAvxOHTtYZObQMMMC9CsqINQ1ZGx5JxDEMP0mKQtlDaojOnoCf0cwwsFIcykYa1DgcjRGOTYWyos1GeFYUoeNGo0UlfaNgsPkfuMVpQoGIIrL5Dxz1yshY6kVJA3FlB7xKdbKafcddPC3DS+KhF\\Qw7GkFhmPTQnNjdfIBHBGPDn9Hqe3TrRH3nBG6T7pxhh46fG6aln0PGoSAcim6VG9YW7gufc4cIdP41vE5EB9bRAjonDymHk7G2mEfWiSwO5fDZZt0dDfPozubEC9wM2g1B94ZP6sP7W4\\SwiNGENCtco\\s2MgCPvEQUOgdMZygb1wNrqr14wU5DA2yGu0t8I\\sb8E3aZgIZXSkHD6Fb8T7W5yuLSCA\\IjrHF73lLZoPY5l9Q2ux3ZsEHQZSQZ90PqZf0O0MFR8qCvqlcECxAcjDmkLPRfwB0Fm9csiWiM891XflUMjwiwEjOExWgL2JOy5SGO6HIZOBNRBsvr+MNvdHB7KRJSt+LrYuHT4\\HC9hRIeex\\KfjzEEe8GCtjlaXyDyMbxLPY4LcCkn6kpIGT0Iy7fmShwWOcD9zakLRl5X+eVNgwVb7EO+xauzPA1GRnxxxu2IXJ+InmtmtAitAgtQovQIrQIrf8arTWroiBafo7VtEFaZv01uxUj0ApQ1NRNhta0Fs0Ovx0kGLP5gNarsclxaimur3611oPOMNRgZzfwhQq0crR+SLj\\\\m1LuDf7\\eneKjWPXjNAQex9HO1Fr76GQrGYD2i9cgEt0zPSkrSWLDOtQVp0dxECtCZ0Wgyd0bcB+t64hO4vaEtiWqCG5Ti6uyGhojAENelefTlGgVLjTC7Xe59ElxYLi28ebfwl4aJAKzof57wMXqP7\\f3vsYGKPxT0QdhiwvViUjGZno2WW9NkhsncDN4gE7LjVzGSGy\\HJidVtPLJeHPeDF51s11YKGOdtgXHtBEy8cU4BetEls3lvLncIFRe32m+gExU1al4PJNjcmhHq\\dOAHgYLG0OQYr5piHFsLbicX3VCSO6p8roKx+nI5lcfPm8tDwVM+CSmdxQJjKAAdq8KzExOUmdteIWgMXm6A6t7ntsGEgKny15mIAwj2f+MqUxnJxjMgPs4f6CNpujOZcYCwCGy7g3A7y8GW\\vXSaygDDwTiTBederCVBqJajFWQ4iOaZHi9XfuRRa8Nl8TZT+nuehJQItg4e6mIIhsUO0GDuoPT29mnBNeAxZNYrCOLQLwN1PCWgdbOdDwaB7FdLVI5pU9XTJLMktb+b+nUS9d1wFg76LajXgUQ0etbKM92pAhd04puNu5ph9ejGRoMaVrEKdLpvDEksznLcXxzMc3i2zh5IXiUSAUhXDs\\gWpiVGo1TlVpO0YasJtYLz1eoEpYhqsaGqVMUXj7dagy7fCppjFSQstWGAsEmq4tYk+X424DpWw7fMSApwd6oha6CoiiMuafT9U0Iba2BI5lZsHiB4PFmPWjSo1KnDDOnYR0uQWeiMT9vn8SxsQrCeiZbaEE0meNTzl9IgrbRfW0LToUdUslmD6BEbMKMHJQ2\\uwvrC2UiB7MfhLko1WowqR6D1QogIM\\ifK8v9IIS5I4GXuTyjBdN0JnBoJqoKPQmM\\faYliOF9j00kZiTFWVhlK0zoiioi7OX2pxP9fngzzP+e0OMHhKVbPPS8tgzVpFAxVtDtIK2y5eQWlUFBuKoogQNzMjUtGlloxecsDbfBAE2XS7ilgp2aJHwUHWhgq9BVODtC6qiYBqmIHbE1GbaUQhLB2We34E3ckWxxZcVDWZTKpSnIHOsgoKC1puelS9HCdbYnevoDdVsZquFSi3noeWAkMHbRmAh9KY0iQ\\+IjG+aH+kpmKC43HMNSSrZSQ83ppL8O2WlKwAr6mGkyoF72ZDIpBncwucxY\\foXC62U4SZt3uSagMLoPQyr0UKd7WgptH2e8aAaRzJDSkygMddONy6qB0ylz3It3V2G2FaQWmgQeDOrZaKGLIVrYlyw0l2M4Lh5fqoIpiKKhIQ7SQmESjNqbEaR4E02Yaj8EA0JSVDxK5TYusUwuk+PC0hJeDyj4Ot04UTE1RKpRsWnIvjgvm9KWAILu2n1xVlU5BWvdk1MWtIeaCcvuDUhpz2hpQWYgX4pnMinJsYjyIQruIQ6py4MMJy77W5I0vQFJqBgewEK0FOhXhXnvUkrlcnHJFoWwKIT1QzBA9WKCucMDvgR2z6Xi0wABnEjvrS\\QZBJVmGPmffGUn9Mk38XLBOXxFEdDq\\u8FQMYDkhelmJgWFTgNKvAhCNmB2kV1zyBKFQTMGzwDo+q4HafOSYFpKXgW7xumqU45GoCQVD0O++Lgys2GlGUZ\\CQYhcJbH+Y6YMHAPQbDREeUtMcl4J3KPMb1hnraGmZwKI9nui1b5mC8ainUPTBqK3FQVpqETw6ULlc3khAhZVds3ZMqEdTVYvICuG+IbmnfGOwbrrOmlQdaV8mIrEZRBV8CUqYpTkQM9jBeBYJ8AEs9COiWFxrBC7cU4sJqGjgnyOnBUOYEVWFotRG1HQKxQ6+P2WQVlYRrVBQjFPU6Wlj3DODUBX7xm5CHRazHY15QFYAThSzyP37aZlwxppMAFpUKSoKxYCazVoVPV37fKtogIdS9KyJyCvUaLYhKjBZjpiWYgXLgVGNNwyi1Spa4T5g7MpQJsItQVp5ivAdTzGbnREHeAKpIqBQQQDorsUG9GeA+U+nZegTjQHRUsatMC+DYuFCUI12UrHf4EQrVB1KFqov5BYNDzitFXU2UloGw\\X1tbK2llVmwBVQ4SSiuXxIW1aYzK7BlqwzCBV8Hx5z370ZlM7Nrq2tQd+GrEefVUWspP5AeBygP3gq8GW4HnpEgE3RjeueKkCHC15fm9CYQP2iPildj25O\\D\\fCC1Ci9AitAgtQovQIrQILUKL0CK0CC1Ci9AitAgtQovQIrQILUKL0PoP0fr\\3QgtQovQIrQILUKLNEKL0CK0CC1Ci9AijdAitAgtQovQIrRII7QILUKL0CK0CC3SCC1Ci9AitAgtQos0QovQIrQIrf9W+x92X7kfAAAABElEQVSjJi5dl+BP2wAAAABJRU5ErkJggg==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18" name="图片 20" descr="IMG_27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图片 20" descr="IMG_275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AppData\\Local\\Temp\\enhtmlclip\\QQ图片20180802184758.jpg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6791325" cy="581025"/>
            <wp:effectExtent l="0" t="0" r="9525" b="9525"/>
            <wp:docPr id="5" name="图片 21" descr="IMG_27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图片 21" descr="IMG_276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6791325" cy="581025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Documents\\data:image\\jpeg;base64,\\9j\\4AAQSkZJRgABAQEAYABgAAD\\2wBDAAgGBgcGBQgHBwcJCQgKDBQNDAsLDBkSEw8UHRofHh0aHBwgJC4nICIsIxwcKDcpLDAxNDQ0Hyc5PTgyPC4zNDL\\2wBDAQkJCQwLDBgNDRgyIRwhMjIyMjIyMjIyMjIyMjIyMjIyMjIyMjIyMjIyMjIyMjIyMjIyMjIyMjIyMjIyMjIyMjL\\wgARCAA9AskDASIAAhEBAxEB\\8QAGgABAAMBAQEAAAAAAAAAAAAAAAEDBQQCBv\\EABgBAQEBAQEAAAAAAAAAAAAAAAABAgME\\9oADAMBAAIQAxAAAAH7oAEgAAIkAEEgAAAAAAAAAAAAAAAAAEEgAAAAAAAAAAAAAIkRMAAAACj387z374K7+PTxPXVc8\\jvVy+r5ODc+e1ee9CmfPPXRZw+ztimS5XSdM8XpOyOJXco9y2TVzp2xy1nc5LyyahdHD6s654oXuiuYsU89dk8Vp0RzQdbi6T28Isjgmu9x9EWKxZNUlk1CxXFWeFRZ581lsc3lepy2F1nI1np8c7Ouv3i9p1xV5irYxe\\rnViY9fnAAAA5MrTxPN25ruXlzdi75qN5+p5\\lOivo7PnrpPWv8AN\\S8+nVydTnrl93KX0srang8Ta1K\\N81690s27j9yVWevNlOhndJfPOzfPi5qc1\\qSz1z+os47ps4O26bOCzsheTr8JbYrS80dS5o6vES3KfC3zULlURdNCr6ZhK49VL6mosq+I74ots9zV6KbvXhfdudZJ16OP764+kiY9fAAAACnB+lHzXRuox5166yat7yYlmxMYk7Yy\\WkM1pDNnRGdOgMyNQZUa3kyp04rLayMmddWfTrIx511ZbUiMlqejHa0mZOnJmNNWY0xltRGW1BltQZU6gyp0vJnedP0ZXnX9GL62Bj+tYZLWGR52fJiRuDCq+hk+f8\\RyfOPox85V9QPndu8ImKAA\\\\EACoQAAEDBAIBAwQDAQEAAAAAAAABAgMEEhMVERQFECEwICIxQSMyQCRw\\9oACAEBAAEFAv8AzlZPesrViNjUGxnNjMbKc2konlnm2cbV\\EdQ5zHSPMsoj3l7i9xkcXuL3GRxe4vcXuL3F7i9xe4vUvcXuL3F7i9S9xepe4vcXqXuL3F6mRS9xe4vcXuL3F7i9xe4vcXuL3F7i9xe4vcXuL1L3F7i9xkeZVFl4TKZJOFfKZJRKh7WtmfxmUyuEkcpkeZJDM8dUuaQS5WfFIvDO5G8rrkgRkcp1aM6lCq66kuSjouOrRKJT0ak8eNtMnNMNe1UztV+ePhFRfV77BKiK3PHxnZyk7Rqo71zMVEljVczFM0f0dhnOZgydj2diLlPf0VURGztcLNFxd92SMyxqueP6Ow23sR85oxPx9f7Hfn7hbreft\\jUS1XI1xwrF5kLuREYpCrOET2S5T7h6\\bRe7PiqFVI0aiL5H3ghexDHTKn\\Nc6WBXp1rlSl4\\gKuVj0pfakVDroJSs4bA1rom2R+kkbZDrt5fTo9FgRU6zRjbGH5HU6PelMxI8PEiUjUT1wMReunPUZxi5VrbWii0zOG0osXC9X266CU6I1PZD9rTorlpWjYEaiJa30Xnj9fSv9vst9j7jleLuU5aJZzxyJegqu5exbmoittRqp\\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\\frx8\\4ORPi\\f+FD8HIh+\\gUT\\ABf\\xAAeEQADAAICAwEAAAAAAAAAAAAAARESIQIDECAiUP\\aAAgBAwEBPwH8\\hxo0l4pTiaNERERE4kRERERijRERERERERiiIiIiIiIiIxRiiIwQkjFGKOxLH262cvTiaNFRUfJ8lRpmjRTRoo4aNChSI14pSl8U0UpkVHZyq\\Kvv8A\\8QAIBEAAwACAgMAAwAAAAAAAAAAAAERAhIgIgMQITAxUP\\aAAgBAgEBPwH+f5PJqJt8MmbZFyNmbMuRcjZmzLkbM2Zci5GzKysrNmbMuRWbM2ZszZmzNmbM2ZuzZmzNmeHJt8vNWzH9cM18I0diMjOx2NWRo7HYjOx9IxU7HY+kZ2PpGRkZGRkIJMjIyMjPDg0\\wThCE4wnqe57hCEIiIhEQhEREIQhOP8A\\8QAOBAAAQMCBQEGBAMHBQAAAAAAAQACETEzAxIhMpJBECJRYXGRBBOBoRQgMCM0QmJyk+FgcILR8P\\aAAgBAQAGPwL\\AG5galDIZ9Faf7K09Wnq29bHLXDcrT1sf7ppJgkLRy3Lcqqqqqqqqqqqqqqqqqqqqqqqr21VVVVVVVVVeyqqqqqqtyqq9lVVV7Kqqqqqqr2dfZb1vW9TPZ3hr0HVS6PRb1vK3KqC6rcp6\\pkrJhNc70TSRqXLGxcZz8mGQNxEaIh2bQxvNVBzAzEfMKcIxO6JPfK0c7+4VpiO\\ulb8SsXHL4hgLsoLamU30XopghvjCDenj9JU5wtDTtGhM+CnOE7vbTB0TpMAGJPitdK\\ZSNR2uMw0GJKjOJRGb0K3gmn5IMjwJ6o98aIOzRPioz9J7ZK8PIqc7UG9StwUBzZR740\\IHawZ+yAkUmtFOcfp7voukLYJXew1MEZVMnVaP90Yj1NUe7pHira1EFPbJ+q0xNURMoyjITj+npWQuib\\AFLHZiPDZeHCTXQLL+JgeGcIn8S3X+YeMpxHxbW5hBhwTY+IwyzUnvhfvbZjLOYUiEI+JbumoXxTmEOEt1HosH+ns3upH0US6P8AEImS4xGvVAGvXtGbohqYBkDwThndlJotztZ+6Gp7plvksvbnLiHdCNITsPWDCztcQf8A3\\SgPd4DyHl+TN\\FmzSgQ90t2+Sy53Zf8QpLyTEHSqDZJjqez1TQCQAtXERQg6phaYyiKLQkyRJKHedoZb5ayoznXxCie0kuOY1W50dB5pwknNWUBJMePbp+ecsqddEQHxot0hToh3Y9FGU6ruk95aYh81GaV\\DHgi9oGXrCnLHhC9USD7ryCI\\TaXUlGMTDkfzKGY2HIM6vCGbHwHepC3\\DH2UE\\DfZZf2H2Rh+CPqFpjYHuF+84HuE5rsfDcPAFNb8xmZrRPeVxnIK4zkrjOSuM5K4zkrjOQVxnJT8xvurrOQVzD5hXcPmFdw+YV3D5BXGcgrrOQVxnIK4zkFdw+SvNVxnIK6zkFcZyCuM5BXGcgrjOQVxnIK4zkFcZyUHEbr5re3kt7OSuM5K4zkrjOS3t91vbyW9vJb28lvbyW9vurjfdXG+63t91OYH6re33UZ2clcZyVxnJXWcldZyCuM5K4zkt+HyUyz6OVR7qfmAeUq6OQTu+yAVcZp5rVzOQUyz3Cg4mHyUfOaP+QUfPbm9QnftGaONUBifEN1OkFT80O6DIZRxH+g\\TylbFbCthWgrQUZArYVoK0FphhWwrQVoKy1WWq01Wmqy1a4TVZarLVZarLVaarIVoK0FaCtBWgrQVoK0FaCn5QVoK0FaCtBaYQVoK0FaCtBWgrQVsK2ratq2ra2LYtGwti2LYtq2K2FtW1UVFRUVOzqqKnZqvLsr9lIKhv8AqH\\\\xAApEAACAgEDAgUFAQEAAAAAAAABEQAhMUFRYXGREDCBwfChsdHh8SBg\\9oACAEBAAE\\If8ApH\\yox+gQGwTskgJyB1j9b\\JWN+\\ilmt84iqPd\\UUDZ3B\\Ut96K+shKYCtIFu6KWUZirJwL\\AM+IOV2nM8JpRR4QJLDac+c3wnM8Bzmck5U5k5kacpZCM+DA08x8dqZRnwUwCKs5yjJnMg3Eqyl2f8gICBVwQJMmVZkUDK4DIqWUBiBgoGIspmvrDzWUC0GJI2hLUJXhTqanobwNRnOYAZb1lTEuGy4ZkHi2dJYurzCL5LqKLqYCNNmCKggKABNA7mEhOz5OmB35EDqYBlIrfeBtAQbGXzxHhr\\fW8DxTDPGAzrKgBLjkJG1x\\8Ar6zDOZi9AQDvvELVGMBowVCDAGBkg9bkptP4fuI1swKmstQAA4SAB8+0JwSB+d4CkpYEqMCwN3M6pqW6+SgR4LgiKMAWe8BAsSoPYRClJK+HBXIDQC3QPvOsGGpmZxLc5YkAUhRU7JlGImRqxT+0DaNcnCxCAA7h+B3iFxGyTqm7xAqgAo9YB2YSPnrHEi4N6YgcEwCcvDQs6XBjiUJx9IFwWQJI0OEBlxEcA57xY2bz6QgQOmZTzOkcesGBbjUdeBKbiCozO99IdY2I0MIWCCCBht7SopSDrpMJgRT4gIAKgLICAzaU9R1jU64B2+bzMzeq+cQXfqCGoYerEWYczZUqAhuBDdjoJGDEEwABAoWF5YyAZC+sOSMtqjo9nQw0mSABHBzhQ1oYIlYd+seaTd0fvilsg5GDpmJAGFlhene4Zf7UM7RngaU4dDpDq5aMQITdj3Ut3GvMaAcADhoWjvABqaR1H4I9PkT6gB7Qpg3Zbma8S\\xEEGCa0MvMYYAFgfaESEokMWLhdUUE1ihH0iCg2cgkH2gQASclnJjUIwMNNBj9jMEg3DdggZ+bxDEdAoBJCvohJgQRsi02eAqfUwDQw5xO3SAQwJZDUSucwCE6wYqzkfSEjEi8KttBUnJjJn1MFgjQE4SqbQ1IVnmoaxxawwnso2GtQGq36Q2N3Lpb7gkQmJADqBc9yEA0gCQEsEljY3AAbFTJuEd4L4cmW\\KwAGQRj1hAVQtiVLfpA01ldlkvvMWkA8j18BCCi3rGMpmD7z7QFy4rEaajWEASWZDhBAmyZuBDizC1g1zuAI7SHBOCSQsQTMBkEYGAF8tRxFchYMDclJyhRTwDIwUIrCrSDGkAzhwNF+yEZlHU3mTGxB38vHUeGsRhpwYD2BCJCokyVDqNZ+RDdnkDj6QIiQbLSd1BSCI5pjXcfrjCiwb\\AIpmw0hF7Yh1jAAu0MGufcCB3sJf7aKA+0lWD4by72MTCQUWI+8Hxb7wRipSPZIWfK7xG\\8ALWWI+j+SVfO7zV+Z1hCSrWsL167E+Ge8KcPy3g3v5bz5t7xGJ1c7pUnaQho+wi7YVTcoDXwn8dP5yfxkIvwIf1+fx0\\jpbn9E\\looe3n8HG\\gyr28142gQH8eWt2kQb7CW+0jm+zgb8bvH\\hQm3eiEBK7GEwEUkWAQJlJGKfmBt6J6whTpiAYQGh0K7w7RNTEdE44MQ7CYJZ2ktADRDcSIOFgyoCzIlsqVkx65iRo1gPVYjpYoEXaNBAQBwN+fLAawGHzSZKGrkBEgQJMKyumGaIiohNMhEWAd4NU0B\\3umd2Zhen+USABcSTElmD+GZR3ylUxvhmBeH5Kx8PLwoiwbHggMUXmbP+zO3Ebhzh95wu8+Yz5DPlM+Ew0++h\\thNq7zqHWEmvvPmMJZDWe85E5\\ec+cuE0N4RcbrpFhJL0E24NqgfCs6qDl7CDRP0l1BbFFN44mysP5fSAIq8\\SPKEoQ7wBzJ+cCzDaplLEmELHkEoQQSoagDgCPnWmVTJyziXktkwmSoMqKoKHnf\\aAAwDAQACAAMAAAAQ88AAAIAEAAAAAAAAAAAAAAAAAAEAAAAAAAAAAAAAAIU888801XZI7BiUgjdwkOitVgXQoWQzESHrmMdpksLSlieU8888eN1sbi4g7BDIYcl5\\GKjDvmZQ\\KQyOsjXa9NngreU8888FCUhzDyyiSCWECwiwWi2ywwyiAjsISiQzjJm7yxTU88\\8QAIBEAAwABBQEAAwAAAAAAAAAAAAERYRAgMUFRIVBxgf\\aAAgBAwEBPxD8fyxhCrURNuoicohXkey1TGNfK0U8wE0q8tiqYYNFN6MRiMRiMRgMBiKfTxDR8aEKyNLcpJpkN1EGiDJP6Nt2QpBTsno\\YyDfIQprwQQQJEU7FmIwGhUSQqIIIEhUQX0R6QQ19ErsXBb6XfdKXW7aUp\\day5LpSlZWVl0Upzs\\8QAIBEAAgMAAgMBAQEAAAAAAAAAAAERUWExQRAhcSAwUP\\aAAgBAgEBPxDzP8p\\woMLkUS2RbIXTI0cl6YmcM0Ieyf1Jp4dxN4ZsNPZt5LUTezc3Gnlmvga+TU1NjY0NTQVpH2Se5NR2kNf6T0ETUGI9EjH6IXCR8Dd0JblIWT5HSJqUhYGm5QqiaE1MhF6HLoahwNPyhVE0HPxZGQqjIkS8PIyMhucQOLf6iyFRAhUQiEQohRCiFRCohUQqIUfBCo+CEeiFEKiFRCiFEKIUYGBCjAhRCjAwIUQohRCiFCSXH4\\\\8QAKhABAAICAQMDAwUBAQEAAAAAAQARITFBUWFxgZGhwdHwEDCx4fEgQGD\\2gAIAQEAAT8Q\\U\\+aP8AjZZrxOas95ZKHMseT3m9QbnZ3BEsbO36WdY4\\e\\N\\pZ\\4OP06y\\y\\wDjr9\\+OP8Ajn9dbnn9OudTgZfc\\Tmuen6WdT3l77b\\AE\\Nz1Jf7ZHBE9wbBoHV6Rrb0Au2mG7cQNMkWlHtRMDb2iKfrAdlIn1aIpW9wcVChX4Qqkd5UDn00nnGsPtERaEcgeG6l6TgZsnDWf8AYYiB0yXr8Qel0tY444jXarjWJkrLMltB7Tpt9J3Z3qY2mtcEBctjRF7qObIhTqVZcoMt23BtixrczyRRlY3iHEXiZaE9pZw+koLwO5HMuLgImINqC4d1aiQg8TLiSQZrxiohzPpNZZ3hjCW8lTOsPEy1ezdxZLUuGorQXb0TA27OxGwLdcEE2eKgTMW1bOIa85JY3r0mkvHcgiFXCaiYbuqQQo7yIxWcWuJkJi8TUE1u2UbpeYUZ85Vt+0LtqOstItXRUqWQeIuLLoY3zLxZW0Wo1Co51+aYtyVi7Ny0X1WNULqU6gUb98epGpJlnFaV\\MUnFRH0Q3AtrULFu3BcZJgGUwXUbzBAoIqdS4VqNIejrlphdYiG5EaRutQhgNborX0hyoAAPV6ygqpWDZ5Pn9oguKV0i0EN4i+1N\\MADa5RSDQNarBplasERc0FwNQDfwVBSmtlTMeaOpOKrCs843LKaPAAitnaOFxFgKKgPBUSnmEUHRwZBnQM30jtYBI7IGSdzrDeuxDHoC6ipaEjSrI7XMQptIVZGxrj202VbXIINN6hVFMIuY7XqvyswxghRL4Bw7HuHWAEG6ODv7QzS2ziGAQo1bG9T\\ktPJOEypaVxsoUD5B5QhFqUsAL5NU7l8b+Ii8Ohe9HimLQM2EzFLxdtrreusIhzMs\\P7iHnco8hC1GKhC05LW8a8XDGEibXQdMiPiYSY5q5AGaoZa9kUyiYWZOWgDbh10ekaVbTpr8\\OkcXc7jMqBRxmGTg1zXQLWnhBgu4I2lrQazkTF5HpAOMmjMqR4vaAYVUtBbk6b4gs8gT+fzMyhTnnGpYZWoDOOA5j4bYkFS1YpSOMxhlPDQUWu+BbMYj0WrQXgrb6Ji8rBtBkqJes\\4wH1oFa0HdvEDHgYra6FPLZr+4ip5FuZVy025TiOdM3pxmIpdJAiW3ZpKaYBLagQA5GL9XHWL6TCxoKj5E8lbxBY5APDzNuSV7QQKGK3LDU5BMOIigXlMiNnfNR5EH+ZlQDWI0N0laqWpwJBl9tTSFrVETLffUMlq5e517Z8sLQCqyAFg8sBdeg8koYXt8yoFhK28s8cn9R3MQiOeOuZYh8hoSxcAXqgjgZSRCscPi40DKrA4tDxcI1iAjpsCq1mid+l2xbjPXL7QAu7eWE141LVlEKVYx9YqgIRYFvPEC0EEcF54iE3VmNDw\\t1qjDGcYy2LDgrZ\\MbY0bzrJJ23zM96Y42DpurrHY1IhKjznTM1ts8NYNV2AuusL93IgCjZatdYkQmXmrUvADbVBFABOm8Whq8G+p6RwXJO3YstsNZ7KQNLFIK6jvZMNglB5Wb9WZHIF3h0ZW562ACwAloMpj1s0MAkHJYp31ZyXzUUPDplAvYJfd7U7e5xF23zgD0no7nbAysbzRlQBd+ykp7UvqEsKT2QLQxaKDsRc5\\glgda5LunrKgoUiUCkmLo3Li\\RKQF3sH2rfWBhRTYKqtY2s4K3BwLLvDz54ltmiQkOG8nWBdGCpYxdDEBR3bS3nbiC6bY4AYJrJfnrgUAUFkKIvJ2doOXKkoq1b5lWoFHeGA2LAbi5cBb71MWAWgbFE6hb29egcT1cBtBjqekZ+9mhkXwpXPeEmo6ocrG609AltqMVrQSlPecbcPTEXWOA8Wc4p2wySwVRRqAorO5QXqAN9HLo+YQDWZMNBXKg1u+0fqCrQBcYXw8QRwVDAExRaq7R1qoF5UBb7QKtH1VFsDFVyM0AYPbXAq6te2jOI0ZuAE1qbXZa1v0TzADGYWLtXpRNxhHukq+7vLLRxjruAwDdcQggunCiN1SYwRDJw43uWCsbfExaYUCW6mkjTkZdHOjTBjtlHdKb5gFIydQ\\nzFY1F1PXPSVbnALntoTpj3mvZKSKfbz7RUXqaoqdc6IH7W5H19IiUg7C8661fMMmDh2XRhj6BFgNxKBey+x6RzWEUppC7eu31jgAcIda4xx2GLZxkK8h7nEsws1aNYK4W\\iVol4pOLVyX1lUFDbS7+scSQTuu7nH7JEcAyVo5rPmv6jisou3iXNNVVXxB5MEZoSxtvjjrFDoqVCsF1ZGICVBdR61p\\cySg2FZ3FDF7jLUbVUKTgF4zBJlCCWlrEyRWrWlQBrYB0fJhKPbsJTQBbmJ+weFp3z9MyhY56n8y2xelP6wgSzn\\AHlbclYW2\\Fy0CVhN57wyL3mzBZRmq+ruZwgLI33F+SUkoTUCra3o\\clNWTdfcme0q8D5mAiPSSw069CHTJbYjWAqgOsujID4coXHo3AXamx7kMLuziROHhBAK9cWMN9hhzBkegMHzLdB7fclpRgZf7IGK5Bc3zFCY+1+\\FcwUgD0YWvXGI8ejt\\mUaK94frLXh\\HmF12UY\\1mQu8fdhFHKYTH8wIDKfjuK379P1j0C4t+s6GPy\\zC4TXpn+Yna2P57l548N5PmBLEvB9yYL1BtOXoNxeix6JV+sMsK0\\wB8vBB+fMVKkh9nmIPwHPMVkNagb7d4+\\AhDyrT25lls4KF+Y4ClrrDpXrVwNxbdtF5+7pLbpKKY2qvPec+KtpWbAzDB2KbwXY8KtvrHQZt4S9CyziVLLlwipfOvoTJSWBZZnY6x7wjIUNBIqrbz\\UFaANhXy+JeIovcOiho+7xL+AoA0AsLFFyJxAtUn8jyeV411nET2dRpLZOc81MrIO2mpXK2vV6B+0QfwVI8xmrFvE2AxWYfZnJUTnpqtsogVaZy94AMQoIVii7uo2ncmdgUty5y3JCy5\\js\\xGf5D94f10x\\SYX5TySkVgrsi1vxsV+1LvtTB9CIIY5alOtvaUQHXaFounmL3i94bNTSkWbtcV94ot9tin90QPmmrfFyKKupex01XGVzesGBFGswoVj7sHCBSzmV1TruxVv52Yfqs\\3mY\\rv3n+o\\ef7z95\\ts\\wBhP9pOx90em90p4+6Ji283jpyqrMmBxanOFUdWijrgO1dX6SnXSdGBQqTkcwjFEdl9f6meL++bn8BZX28xLbRoPtL7SeVg38RS14hYq+I6U3yn0i02XifyqB5sYreTiDvg75viGy56UPkJQh9mJ+ah4wBRZf5lF0l3QLlJjqDfvKo455vv1\\aP0CahmOE9IKibuWDuBotlnJcdCUKH0gw1+4icBxN3lLUXNTKDtLA4fsWD0jTylUrmC43azYddIKI74\\dcDE3VxqoqooLIW1ABPLHIP2Osbp5jvxiraESIPrK2HK8wFG\\1MfoP7P8A\\9k=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7" name="图片 22" descr="IMG_27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图片 22" descr="IMG_277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color w:val="464646"/>
          <w:kern w:val="0"/>
          <w:sz w:val="36"/>
          <w:szCs w:val="36"/>
          <w:lang w:val="en-US" w:eastAsia="zh-CN" w:bidi="ar"/>
        </w:rPr>
        <w:t>商务简约：</w:t>
      </w: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color w:val="464646"/>
          <w:kern w:val="0"/>
          <w:sz w:val="36"/>
          <w:szCs w:val="36"/>
          <w:lang w:val="en-US" w:eastAsia="zh-CN" w:bidi="ar"/>
        </w:rPr>
        <w:fldChar w:fldCharType="begin"/>
      </w:r>
      <w:r>
        <w:rPr>
          <w:rFonts w:ascii="宋体" w:hAnsi="宋体" w:eastAsia="宋体" w:cs="宋体"/>
          <w:color w:val="464646"/>
          <w:kern w:val="0"/>
          <w:sz w:val="36"/>
          <w:szCs w:val="36"/>
          <w:lang w:val="en-US" w:eastAsia="zh-CN" w:bidi="ar"/>
        </w:rPr>
        <w:instrText xml:space="preserve">INCLUDEPICTURE \d "C:\\Users\\Think\\AppData\\Local\\Temp\\enhtmlclip\\QQ图片20180802184753.png" \* MERGEFORMATINET </w:instrText>
      </w:r>
      <w:r>
        <w:rPr>
          <w:rFonts w:ascii="宋体" w:hAnsi="宋体" w:eastAsia="宋体" w:cs="宋体"/>
          <w:color w:val="464646"/>
          <w:kern w:val="0"/>
          <w:sz w:val="36"/>
          <w:szCs w:val="36"/>
          <w:lang w:val="en-US" w:eastAsia="zh-CN" w:bidi="ar"/>
        </w:rPr>
        <w:fldChar w:fldCharType="separate"/>
      </w:r>
      <w:r>
        <w:rPr>
          <w:rFonts w:ascii="宋体" w:hAnsi="宋体" w:eastAsia="宋体" w:cs="宋体"/>
          <w:color w:val="464646"/>
          <w:kern w:val="0"/>
          <w:sz w:val="36"/>
          <w:szCs w:val="36"/>
          <w:lang w:val="en-US" w:eastAsia="zh-CN" w:bidi="ar"/>
        </w:rPr>
        <w:drawing>
          <wp:inline distT="0" distB="0" distL="114300" distR="114300">
            <wp:extent cx="5762625" cy="962025"/>
            <wp:effectExtent l="0" t="0" r="9525" b="9525"/>
            <wp:docPr id="16" name="图片 23" descr="IMG_27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图片 23" descr="IMG_278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762625" cy="962025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color w:val="464646"/>
          <w:kern w:val="0"/>
          <w:sz w:val="36"/>
          <w:szCs w:val="36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AppData\\Local\\Temp\\enhtmlclip\\QQ图片20180802184624.png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5886450" cy="809625"/>
            <wp:effectExtent l="0" t="0" r="0" b="9525"/>
            <wp:docPr id="8" name="图片 25" descr="IMG_28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图片 25" descr="IMG_280"/>
                    <pic:cNvPicPr>
                      <a:picLocks noChangeAspect="1"/>
                    </pic:cNvPicPr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886450" cy="809625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AppData\\Local\\Temp\\enhtmlclip\\QQ图片20180802184728.png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4638675" cy="1543050"/>
            <wp:effectExtent l="0" t="0" r="9525" b="0"/>
            <wp:docPr id="11" name="图片 27" descr="IMG_28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" name="图片 27" descr="IMG_282"/>
                    <pic:cNvPicPr>
                      <a:picLocks noChangeAspect="1"/>
                    </pic:cNvPicPr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4638675" cy="154305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Documents\\data:image\\png;base64,iVBORw0KGgoAAAANSUhEUgAAAecAAACiCAMAAABMMfUNAAAAAXNSR0IArs4c6QAAAPNQTFRF9\\f37+\\v6+vr8fHxGhkZ7e3t+PX3+vn59fX1ERARFBQUGBgX9PTz9Pn2+vX15OTkHBwcFhYW2dnZ3Nvb6enp9\\f1aiYlGwcIISAg\\Pv83t7e\\vP0DgoK\\+3t\\v7+IRIU4eHhYDc3YC0s09PS\\\\Hybi0tWBgY9\\f6GhwZSB4fZSMh+Z07JiUmFw8Qcjw6Pxwb7ZAsycnJZi4s6OfncSUmODg4p6Wl44gl+PDywMDA8M7JLy8vQ0ND27e258PBk5CQOxoZt7Oz9+jXTiQlg4KC9+fm7cuiXB4d0Io77aVRMBMU9L9+5t\\YeWxr3KVj9vn7p31wGhZMJwAAIABJREFUeNrtXQlDGsnW7aZpuoFSQMGACxqXcXmYGSUyGJ0QEozzMnEy\\\\\\XfOfcW9XdIOCS5X1jLLT3ru3crW4t7cVzgqdbzx568c8TPJTaPKXy3HWT5fWN9\\PhjGJbGn\\yOGt5gzAMfi5+FmYOwlxgngzQdxbD+GEuB6B\\Jm4WZtZi\\xw4o7wsbi70n06J7xWMn2O5fRM\\ZZytXo49oBwGgSFlU0U\\Xahdyawd4tcBcZALQ1gmT5yfWeLAByPD6rQi7AmLbs+JL5HZocgv44r9xHEmQftGLTGW+OkLbikgDTA2MFRnPRXJ7c02s30Hc+xRW\\k\\gSXmRWxdqJJCCEKxQJ+ufhZ7MwyNU1hilZgnjrEUlcwceFZNB2H9qUjuGXYYNLNQtac1ALoGQwdPG2bHwLbRjA0KTfp+sjhDRWlLyksaVz5I279vm\\vfWRHGCHU72xsXADLp+8nKbV8aFKl324DKIbrD8TbIk2szB\\UJIc1GZa7+JFS0N4mcWNeWhD0a2gGdBlDO1FUC\\i2c7427Z8N9nvuereQE2cli6wVD+RUg1AOxuXPm0dnxHp7Fryj7nFe9sVrAgwC1zjYU3wHOLGYdvBxQdT1WhE3iO3Hu3fXeZLjr\\oPfi8W\\G7obdA8xoMGh7k8zPZ57lTOe\\d7064\\Iv8s3wh04Syy0QOjxS8SXH9LsBtJUVPVHuw3MLfaZT\\QPJWpjHnPLPWBk49frbEbKKYW1wEwFjeuO0R+lDcz3b6cYLaeZU23erYqGMeJajR5LiJAT8rbGpxd79+G7+1Go50175G5+TreP4emxc\\xH6uL1Q+VbiHBfONxXrgZbz8zf7Hw+QN6M6ZW5z80v9xySGsPZM0FAas4pAbM9RQYOiHZAa5Ta+ms10D0ofrL835slJoodq1OI\\bGGalobW\\e1M5LimB\\ucLgPP4ujz6fHT\\pqYIcY2iPkX7\\u60Mi0m\\n3syjvhl6Oe04GFdhM+tvOp\\Hc1khY3bMYiI5CMmworB88eer2ArQwIg8\\BkVcOMZZ4hmxHrb+pjOqfe3M8YevGVVevcYR5BpP6qbT5rLdWeIBKK6bLeNVIW5zQy5iVBn6KZBr9jrcqSB9\\TR+tgrmrhqCokvG28mJNfs3Sn5uJ2vzEXNVLeyVWEGsGeoVLDv1t1lPVrFlSTCeujyV5f79VvlsoVxz7tXuxMhWw+2LmSbmxLSetLtxF1XEbQZo7k2EFtPfuIWkkCzMxf6YWJ+kbIn3EMQ5xMhcFfCiSsBj2497h7J3GIdZm\\ePtOn01dmxjt5J00n1FRC1HLOl0uuviv4yV5e5n+9gmekAH42OhtV4EKm3IErv17WjX9HSOtpbhluXQxcApJdM69JSWbOaa8cjM4gJ5Rhoa7nglnDhrxASIGOJOhusddyKR+GaVCy8f30oq3pqYEP+9beHYtmnM\\DRwY\\tDkFE4BrmZa0KLrgZTBZZavbFa4Of1iwZXFFyoVTyz2vurSC0STOhd4sfvaFrn03Ksp1RBoaJkI2ZibOfl2rvV73A0VnZmY0Qz7rdEwch7dlFC7WRazVp8rjrw11bSd2IaNXVyFdIQgFYEpusDLFNtm5kvuhQcU7ZEmYUyV37zcT0vellmfq5yBH0SUmlwpm4W4Ap0LamNmaPkc0wu5VH8Ldsp+V+NmfpU66zaG8cqHKzZxj7GnEwWoOk2e+Cw\\VqYzRavZzAnOYU4a2KYe5XPjDA3PQfXjSFu2cTznsz3KVSc867Uqq6MApa7xRF5ytq3MGzhWQ3dVV\\4rWE0mwe3V1hb386s68uqLtcIXtlT43aRVNWFcEeWtVbB+e1x8acjPstuQ+bRnh3q06+RqpAW+QrFhcNMMenuZjwlg+ua+oIfioeMSdVaeW9WYNKKj7rgUZBh7wtuP\\tE\\OxPO6L3IVypqr7vJnkXTy\\\\nz5\\fyc+G9HHY\\gwQ+f66sLmlptmyopIc85uny0hL+lpYzT33boIksbwmsTMheW2WyTHfrR4aKrQ9NfWmifu4Oq7pdoqgMu\\Wp\\GzE\\RWojWTtahNbFZ0dQzIVZ09w9ivLwPLNzPDxo+7f8u\\z+yvXnpoacG+VWpIcXann6t1vz0fCzJQXUsFbq5Wu43Po7FWc179HqnfwpLbeNF9dm81787NalLQ1ZgwI8agfPSP2Zt32sMv8C8HfN95YE3u63O4GS5\\fv\\n41\\3Cx4\\vdxuNguft708jIHG7+a6x\\jh\\+p39DTJSJKB1EapyUs++DPWkGLuP5+Eb+a+sR0n6UThMi06Mh\\aEWg99DgwNEvanMySLyUFRdIWJyRXk5DCgtyTIeMumlrxOZZJb7b7\\6+\\\\3iv8\\fdfHzeiRgMw73se9h73NkSRpBt79DQZmI9BjEuR941DZDRmO54ikoRxLeY133ZcffNU52WIFrBvoigS71sueOj7kZRAnDnd+vSGESD1wEJ1XwbymtiKb1+Vu4nnDniE3IZ08StXbwHzfzQkB0lQhN3h33+9J85RinMUt5HPiI7EQHyQkZC6uAC8OTjHUjyFJOJp1DLWQyrxRbJP\\Z4uIl8cm4QbwWvFQSC1G7dYyyFbmXEr9tStGZkW\\r2W8eI7kY+jFsqAX4v+UoPcRK2gFQkhSW5biIflUZdpJD0oyGfLk7lNUtLI01Eekfav4BrzgmKYdhzzbTJBCzG0kcOWh9x7SqdgDFhwXTDetEaVR2nuU2j7OvYvlzC4H9h+i3kSLEfXUbh19fHvW+jOCAD6fbTYKGRw9toGBWMti3+5JQUg9Qnos3FmBbCeeGhALBD6URvVjCOpZr4JJmmNdU8JlqFvCxn6Qk\\SQwUDNKjTt1QPEFFLmCT22oiEWLXu5vDImDapQvARYo1JeS0l4TaLBappg2qiwFNBRRaO6FOMPYe8KzZL1TYoX9DmSNSIVUTSJbHwEGhHjobm4ywM6dM\\Le3mWB0ZqKhAu278u0fzCs65z+8\\\\v2fB+McpfyM2kTeYSaEyH0A9kYRkSl\\vgiLyTiR0DfqJwpaLVQrqsEnY3ntANUKlEyU8jP0klCTDJPJiW\\Si8jA9RznIeDca7WAOhEhSkggABcxmfv0MgJlyL8WtiiPAGlAeEgT0RBwP2qLgKKEppSIeUfmBegVoRXtV5DkAtI8gG6BRgz+WdC2DEdtC8fHrdi+pThvzcAZb9JDxb63usWZJpDrzwjCOw0hwbn+EJz\\8x\\ivNjI4mzaptWOYQiiYkimABD14nNUWmjm4Ew0YkMuiVT8RRSLhvTeBhvwMjHK6GVfGFrGCNHuCsjPgd+t4zFDPgYvBl7dhDEFA0QEqzgSTozuRjryIyIcg8CE22IWDBdaqMW2gEFcqAjA+UwAdGFEhlktSwliRJCy2JHIFBFZQZtRUe5FjLkVi7im5Gg5BX0HP9dzMscELWxxXIqvmpiLp5tOcW9uZ5fgfAWcJ8X2b3fjnOpncnMIkWkiKQYEL4UZaM6EtwbtjOlDVJWwrk\\ODfBqO\\LJTmQkMmOcaFXWRKwjCaLISm7KSPYAhGLjB2heEg5h3TbFQES8yHUtENA9LLOWCNEYpIH3yXfIg8GbUK2tICANSKRMmDMCyJOxmIRiRcTaQ4tsiLrmTdxuyehqVomPKpFssN0EiwIEoyp6DOfuVJw9j\\4yvKKOs0Ad+uICTRH27sC5MgXn3\\j321TUf7uFs+eFke9HYYsUTlvMz0n\\vi9DT4N4jn5uBUZMG4gDMXVI8+RwoRUaOUI4atIaSumW1D79+YFoas4hkxlGOJJbtsMYvAzmMcJ0hvIRtHRXoKnk0UBS+4uaI1Z5DIqh3WQisdCiWLQtcgjShiWoxhUZG6yNjIgFQUkKamtDg3lt\\CEHbRaz3QooYpCttnD1mB3Gvrbp\\EwnpB9L15QfJzOpxA12nxZknW6k98D5TyLogtjXv8nvv3\\qSYr1JM4e2TEK6qwESs0WlCgH1MIOI6+F4UwVHQVkaLJbOwykNloi4DzWRavuUV1H5HdPR1FIY0p4TlpUoGYmwQplSoiu3Q5RfS2iS1O2HaJuqWxbSKXbbt0DaMJBHeq3aXcBFWLTNu0cLrZbol6AEcoIoLwQdh8kdFtxDlwvkC8DySlvwla7t9oaDnpRZRidnOR6g51Wb9geVrzznucNV9uJ9Wb1M3De6k7FWXoUZUi6H7uBjtKMvp+fgDhvdQXn3xKc\\0Lb6b\\\\\\euvv\\78C83qv9Bk\\uu\\9haf+vv9otPPXkP1bGV0Hp+PBjvxyWhwEveWl3qVwWhA2aIdabOajW2\\3R2MTlq9wSCXG53Uh8uDUS8Xj4btXG803BmMhiayojtWbo4V6IAcTeoKaZmFPbyFFHve0mC0tIoDvzeQWLf8Qbe902ufDAbDO3FunY9GO0ujXv18MNxCJN1e5WQUL41Wo8FgEK6Otiq91mC1PRx4UW+p3UUSIOcw0DYWbYVAmwDaORFQWrVHJyejrUHPH8W9YfdmOGqPbpYGO+3BaKuFchttE6Q4b1Wm4exJ6wINYFjYtEC0t1mNsHuwM+LOZXBOAr1ewPZvbN7L38cEZ4Q\\Hc5f9pE\\cnTcHo56pjcaDMxoaWe0PFjaGbR2RjueL73QMJ4iR7MTdhgKOujlouHI7\\Xqo9HSIFhCBZwAsPNRWI\\OB35kKUJg9hJ7JxYXCZmZMiQY9W5Oej3DSkVVno9y3dEwOkesg+Bmq30+CEYnq6OltgrJOWHQa5\\fnMQoTftklPNHq+c3O+cvV5GPQW\\5ZoBi3SyZwWg5Hp23l292ooCgxtK4ghUsFpdYDAo1LcDB0pBUtjpoD4fdEQh4AOqrrI4GIJkdGojOPwDavY2zcivsEU97E8XeYjPKSCM6uOe0C4tzhThngPzr48ePAPnPj\\Ry4vDvSZx3dwXn1n5BLJCcGQ1G3eHNoFcZtZD9QXdp0F4eVdiSMKJAZ7VXIZ5HO+12j1VR7\\UGvbA7MO0BqB21024v9WhzUyrGMvTN0UoUiX9RZ8xBYgcQHhApUa+3c3Nz0t4ZtM1oVEEUO7hcx7Y78sFZ7Wi+MRa1kJHz0TDuAu+lQRQC51GvN+rycm8HAPXiEVgcZAi2BinuQN90ja9jTtGmi0WTaB8iym2gSUY7JyBfkuDgfPWm14tGq4OXXcifUWXU2yFDiu04A2cFyfg5TwYGoTkJespxQIEX6HIk9xPcXl36VsZx\\l1Z+aMw9Uf6vYHz7+lt4Nwnzq194MwieScj8NHwpjcKRsPeKBz0UDE7wDlSf+RMoNlA7o1OtpZuICkrA3B0vDVqLY9Qu5Wb8x2A35aGsKVhZ7JQP0sHOH0F2FMoGMiTkxtwniTd2gL37oxw5t\\0ls5HrUEPMqM1TahkcSbBDW\\OuzvDm3hn1A5HS+cQ34MdxDQ63xnUb8DPy73B8MaHegKAyB6ZjIPwaD7YJkGkAgdZRvZGOwb6OQeZAhoexr3usJsb1If11rCCMpvWPH52gzyBr0dDhEPbONZTJLFrNN9TP69OwZnG15\\Qzdj9\\fff9HRm+TmDM6wdGsHBzk5raWcZ3BTvDHpLwWqv1422zqVerYc\\nsZKgls87C23TgZDLzhv7Qzb\\rlXOW9XziPQf9Q9aav\\SJWeWO5EilpR4uVo5QANoZOtdpgbDk7aSzv+0OA1c44HT3rDOBr2TrrnEYTFUsu+Hc12U5\\stJd7w\\C8d9KunyOS3NLOydLJVuu8N4y2TlonJ9F55Txsn28h6kpvWG8HcS6QzAk10zflHAbiPoANFtC2Az372LdpZ9MJBA6A0cnmQOIFEpwrt3D2dK0VcTTQ70RXsqJrHjJVbirO4F3+Ifz2559\\ysHvenlMP+9LY4I6oy1WbuDD7vVkE5i6F6r3V5gv8KbVL9sndEGg3Gx5wKyldQvjGGSOgDppt0WsoZ0mwxx1xoL1P0mPBViJzTM8R7uYDjVEQMcrZQkrVS1mxNxu34kzmz50+CAOafpEbW0SSU4kYy1miY2kFuRtS1p+Hp1TirOMqvKt75vTF2O2xCgn6A8gLDAQ2Oxua3uqJS6xcZy3Vsf1M4U23XyqoXJ1O7XkXvOeJnBeVZx\\dxjj6HcF+jcF+DcF3hKA4AzzS+d+iLuiFaBZlKMOpRc2wC7Obfm2I0FdCFMrl57ftnB9i07CtlaGEe+I+JbYd2BE58kcokApKww0Vtc4l+YX27d8pUVCV3cJUY\\ER2fYHDIT3SHTup2UV5BqwHY0fddySvQDHkhfEcdpUemAlNG08Y2sAiPeGnG4i1mmdiZzJU5xegnYo0EfGd29RkDXLEUZnFcncJYFspCGW1aIsz9N\\PC5esB5dXWLOKdMa6H93YbfMlsGh3NgW4lf9lsgtID+\\Qoy0Qq6Mdqf6um3snmGVozaAdk9ZmdSi84rWp90I9APYeuZzfFcoCo5FKe9dIgJusn8X3G5qLNVBD3b5HQoq28cMROmjGNtFj97ynTsteLGE6cIwW4FIBnt+4ohQkKPtGTo+pK+KvUI6RxsM25nCs2ZtvZU0f9CotY+Guck8WbibGUXjTXhYZ\\d7fHY2krefXFezeCcIvrbGL4pyIpzBJxlARTTiLx9j7YwJXDOBHXf7wbS2RYbTxuHinM8rV0lHTjiWNJGMnutTFtL3baMxP4KecrIUEQVjCL07OhWYX3bA6g2jeDBNFu8RP7xYtfPMN8Si6VfK9Y+ipbIVnWRtVw\\KkeDi6czDmI\\8EUOsVsFuVMPuvOjS1uLzQUooTgWVo6k20wOtU9W+vVa8RycEbWJvGR91qDefcT6DKBKxblylcF5XiDDk5\\RbKagitkPHUuDXXhXXUKB9+26+aVHW\\um6YhQ0R25BGQA5I8YUaApigxmOz62lon16AbqF\\m6gQoecd5a3lrOyu0gF2amVslM0EfM\\XQ4d7eA8\\2ABszk55agDBGmcDtmFSWq3Bd9Re1HLqiL06i304u1NjM4W1fojxo20hZvjYllHEeo7fnItihoGn5NiUnRMsRsuTKmnYMxnKXAj8V5eXXp6v3fdwP9p8L858eNRRiBAdcNCNkrlZHJRgaHfVMuUtvSusAmBi7EwZzesG8eYhmtYqiWjbTak2IHX4uzFNaf5Gc7WNdLJ\\DGJjCPw3kZOHO450cAfb+A5jNH4e1\\CWSMvtn\\EksHnhGl5YuXKrpLEd4fZxdRHGi3SJBS1RxL\\ptD7Fn7XhrvLLYO6uKYpVZLxpB8LcXF4RZ5brk7Ofec4x69r1pxmTgj5uUtGfB5n8DhnhufV7fqaDtJX1fdV696Raaq5WQaW33O9J3HTahCxDLjgpMg6+kUr0yvwfefaiFzITmVi5M+WOw6J\\Gx2KGbKvA10SNeyNal1aXu+Fhsmfhb\\9rRq8AZYWt1maPxNVxdvZ8bujs7OxwJL6PSVysV0CDocGmZw6mXM+PzK3bU\\uODG+4uaTF+nQGwaucGVH5k2Fplym4SwpbMCeC1VTlalmJ\\XVG3lhXnylg3BnuqctPn1j0Y58+fPyOZz3cHPFn5vLy0s7O0yjISZ7tfotWO0i6v6tVvG9Iov0v0d86XYIIotkz0kDkXq5wF4qZ+CO0t23kYj06DyUzDmWNH\\K9dv8lTfmYeV5eoqgkm0LoVPivFLkOXA2YATbBlL6cAflVOV7d0t7r8DYONkekvaaJ6fWn5x4QdwdEVW8q97IotByRvXnxkkIIJhyyP40yNDFvoaxd947gh0KbKWjs3KA3LY0fMiZRIq5oAy94WWMDgXd5e+sZhZyfNiVbv8tIPCxbIZZv0jiv+zonkQ+tgaTmby8clw4KC1ZYq6boubFTrcp1fx9DGC0hFq3dVm5CcZV\\HwTtun4alhDodnepxdp\\STeb8Fn2PX19aSojespXy8tLM55Ns33F\\eSLHE\\eXLCNb+rVJTxT62xHdqiTdHWdFXQ7na3GOuxYFaUfboKpCt6tyg4fLlMo82FqVom9VbMktx0kEUjOr2coakw3j9fgIzl4SRvreLGwzuWyJmmVKJLcqqERjsdyu2m4d3BG0NrWeVT8gVPyxCXGe9\\XfsIlk4YrK6s7OycnJ+b2De\\bEniV7DSx9ejQnzJcfGbpLwjIrNVOzCR1OD1ljNlv3k3x7W0+kIVMMlvQkLaYU\\GRGGKuSe9YqiajSNfEEzt63WP6LXtuwu7Vzcj4cDnvjYdgbpoHnNiBTdi\\HeHUM53F8nTHOZpBbkkdX5AhvL83i1mIx9Pel6w8mK3mJN0jOTHZ9QhPP76m7tS6oC7r8jAmmL4PDobRo01ZkZviWTG\\eoVa22N\\C+XwS0OG00LsdpDIhpWTIbvRtFhqdWDhMKgFQV1aXUqqdwo08X3Ia2pliMtMcUlwEVUUWtLA1Z0y68hY7lNNG\\7TF9ibkVOofmFyv1eqq+y4OObPjLnFyZaggs9pgtrso7R4yJuIc1DrI0Xj69Y2cLKLl2wVJKnb5m61JabEzWZVWHGSrebkSmpZ0dZlpC7t6X8nNsvydcetS6WKgbvZ1mK4PFXJ5lSB2C40aX9fgMLrmtbTx7KC0tPaSFVaN3ZmHZ8\\LrEOXWYFjYlG3O1YONfdaZ3gKzto9lFCljEXjAGpIFa7o5CefWslkcyL1jNhIV8Nyc\\LduhcixmIdgxKbW6vnjfu4H9WuMnE0\\rmjdNG8zHwOWfc3aazrqDwpMScGsOPbjtPzxt+bhtnYsnxz6n9WobLLAHr3aDfeVT1zP8ioa0IESRZ1wmIuF8kc89izKw3qQiHj31a6tQDgRDbG1kI0OkKEkwQ5y9lMqYnvPGvffl5DBJNbCIfrwvr0uXJJo9CuHWA4mSx+IsHI2CWPky04wtIRuww59UU7haH7uE7wY1YB9b535Locv6xjnXPM7Nv1ElSEOfn\\dL7H4NkVXkKxxTjUUDricoEOm87ZyT62des9AZztijaBzKV2y2Hod3TkC45+nKrNpxMgSNUE00VWrNnlB05n5QK79qr3w4r+\\RMxsr6NrhnKoY51330QLMx+TOaJIU2+DayKzrkPrNiReW7sjvdDRcz3hNhKrzi2y7enS1zbeT5P5rt+k\\pZhZhbnyv59Gxa7B9M2d53Jmuj5dVpAWFiVLt72S8SPCGO5gAhEzv1FOYyH9BW5HVBc+9HydTvjjM\\PmDHDsdcStJPP50twzvH1rl5SjhzgQx1FehyI9K4tR\\h1bVyFWfPewo4ZxKRVdzrMko88XUZDi7mtM2n9k0suxyEZ9e7DpOVFq2GDk005ZNS\\3KcPc9Yj4AoqltJPsXvnjk3jqz74lt9ddsP+0T0c+Lh0amJtsn8xL9HmkDp6bpGbjGQ\\3WT\\rtTts7M9F3bMQx+iu9I67xMmXSgnoL\\rR\\oB+As\\jBtMAZP5rucd1O3TDnQz0NZoJ8szu4jOe77KnYR3icPtInTmSVikOnHHJ+y3JbJQ5kVf9kfl\\sJ+Jk9FBlgg8xnlZ+o3I455TTpdjN+\\ekL7tRDkBY798RxFnM7EdvyIaSfwd4eby3qqi\\eE8f5Ofz\\aAI8h2ecn8Mzzs\\hGefn8Izzc3jG+Tk84\\wcnnF+Ds84P4dnnJ9xfg7POD+HZ5yfwzPOz+EZ5+fwjPNzeMb5OTzj\\ByecX7G+Tk84\\wcnnF+Ds84P4d\\Ac7yZa85ofAkg\\FRMBbu\\335vgLndBXNOPmArPeT4ExoTSHmx0f\\BSB\\Pc5uvYm6XS3n55HxdirrE1oNyZt30UuXRTI\\lyKXbybLIqw\\A87yUdkwMKGuC\\RTMLJoJ\\mwp+\\k2JPGWb\\gJms02s8Ge97PgDPXmZVFFyKTLvz1dO1t+fKRfOo+ku+Ajy+Y85SbH8b33ep14+vYPVGc7eIxsggSbbGfRHLL989ttcgKjU9jHWFvVpOKZTTulAtoyxp2saws\\eSwTRdv13Vm7TJ9WZv7Xy7NputnWWCWIsve5hKsqfH5VOW3Ljorn0pR7MNc7n+9TtB3wtl+kYIiO+sbCflNU7vgxBNW077anW5N8Jgfd6g\\DRU9FWdlZvvxERwYNDMCJ8KeJM7SuvBFG1tBzi2I\\X++INT3wpkLIsnidcrY\\JSKCUDmdlX0qSA\\AUdnQRqRQcHjCT+7LsX2dRlWEz81v6dnXSPW9gjsd3NghLHAdT9+kjjTn02bC3hKv4XJ6WeZ7BqsFG5PC2ddizNpQ3nU0\\JJqpyuhj9LhP3bYV4s9Ono7APnwuJigYsLh\\ajd\\KdrcDg6r8Z5ilyO7Dfb6CIFo8Bv0Mkxc2FFmiJu4EQ21RQOWu7GtYQdifC2kTYvSusjf++dcimwtDHpf4VQl\\v4WjXXrEBN\\r9vnvzO+VnZn3dGZC3\\iJIUbAZZ8AxnD27+Ll8fzFIv2KRq\\MzjQFMEX4UzeTssruIstFYWFgIvEIhioI4iJDWxr85XPEfwZ5dZXeZG\\+fA+hjMYoheBqwooCvZUOLtK5K6NpLPpdBN\\K5En5Ai+vdi+\\ANi2s6i4QZ8C88GW\\0AKRry1evRm8evXyKYVXUp5\\S5m2ufnnj6tdyJzFoAGICo2GuYVzIrF1RIF2ytH+YEPD4DTw7EfjtJVBHSb8HEeL4OOrP14eHv5yjd+9gz56fZ09y9y9vp7zeJJQ8tS1PbueFkmyTy5no7k+ktPr64k09fz6Orlx7Z4bz\\nYfnaSYwcz4pgox\\X8tCbLyc32P292d4PGAvm54cymjNz23GLo9rMs8tGlnHQ8i2quB\\ZrLYF6yRgBcG4UIn9xY+Ptq19+OVo54t\\R0ekpDjQkBwivX6dbF47GTo7k8SPZ7\\Hdvb298Thc2Bs\\fT0e64PCHhNhrnnArEu4tntcPsXFUynT3t7KtwqvJ\\ZjdbJ3R0LTCnvESni9cvTLL6e9jbV4YcFT8ymjqy0\\i6MzFPeAcatkB2J\\oX1Rh\\S23\\Vw32wtFEgaURDtbvyzfX0kqWxLOLX\\Y+H0VLen6TN3hVNIorHnTm8dbE+NdH7kp6eZFynxGKzoc3c+uAN3SWVYDghoAAAaE0lEQVRjJgkby6ykTudlNM3w1NeTYs96e2qhiPMRYPjl+p\\dPgFSmQ20Y\\lXnAN12Bs7GEy+skVNzGvyQVqTfl+WW74JnAswsjd6H34RYjq9\\vDhV4Z3n1xwR+8Q9PxdevPTr\\r0u\\G9DYeHdvMuc\\cdz\\g38fA7d8VeT6J0B5kn3fbdocQuzxx+OOSrh4f2\\Fce88RdOTyUpyfDu9tJZxO7Va53t4o5+bAUWVIdj+PdtKfT83eHH3653j4lVx\\9okATZ1GujQzO+mUpfhaRi98b9jjzE0SBdYDd\\vByo+Ht7xcW+7sbb7ev9xD93vXhr582JRyv2\\BifV54sTknNJtN2W1+v2CT4L7ZZNaF+Hjlkz125zPD8XfI1GOLDS463CYSK7\\8swGgF7yCVa7atrI46wc9VUWrHA\\FRRKMfTw4\\fTywgJxXty4uvllDxrj9BBVctysNvPVZg0gFueEdbvlwzbk8\\jbzPMc\\81mp9PEhXyV+6pe5Lnsyslbeo1X8+4ht63qw26v77sNTvHrdDo8BciSWJWJdppNvrCJq3qjmd+UKPKafD6fSbharTVt7Mnl5FZ+Sqgm79vTsaOqpFfN1\\JN7sr5sRJWkziyF9OTWg0V+OkDgb5+9X5j0SjOCynO\\CxL3ZdF\\vm9Yn7C1ujXLqGYZ\\g5IQgE5\\7GP9cU2dvk5XJZ6qNKnOcCTZTxRD6DQ756UD3A8UE1L+WtMq5ynkXOZ0BkKOeb8jSfx38Z71THkc8eJTDjCBl0VYZELpgI8ew08+WqcDUr+qBcyx\\khQbyB+6foSp\\ef4YL\\bV0m08q1qGaobm8lK6qi3SQTWT37LQqBIQqbuWV0Im4HKbMRwkRJJPcU2hTsuZ33z3YQ86euXmatH\\Eu8X9olz3KAtJV\\IywU0w3z9xpT9hLiRoQXTcS4sNoCzB5ivaIIdbb\\bPK6VXYKlu2FWnA8EqwNW3kG5fGADq1yomyVo6m4SZ\\fsAbE7OMjWcmanB9VqymBVx9IEtZyXRFizFmbi3KwC6QPgjTwpqi5rSQ6ZSYezkoK7XFZiKk\\ytBSzrDt5Pcv\\Toih1LWqsrIU+6CqJJZPRFiWm8eCxpnfVI4+On2z0WqYVlSwOEsvY5jzff16reuLjE2gH3qtz\\imGHD2BOfdIdj59favm6UaakEpk\\xcvDusFw+yQSuzrCjjmHV+UJNTBVQ3YIZaOcU5W87poaqoSP0LKx0QXsRdbhLdKvN9IPg2RVZDlBzULM5zQpVJWpzH88FdOXOsEEjWDw4mc5rXCKplLWf5gMoDdZFnDvNpEQ\\uCCxEnlr6xacPK3uQ3BtXERka+tnACpPOZBmabT8Up1a11dbpV9S8KTh7wHljY5tN4sMXtbJKs2qKc6mEvxlhDOdqllOqIjnLttrLgrsITCu9UPgyETqoJtesXMz88vnqREg42ypC4FuzmCIugbkj6QgFCJk1qxP0IhLZ\\apyXJKoXd40HxMi1Wbg4JaOzehzK70AdlU1R7ms4szK7PHS3f6xTsplaxm+gzG2cvpm11\\40gLOxiwW9GPiobEDeMm7aEGJLWa0n859qPi2uQ2ZH\\c33mwD5utPm7WyChfJk+Bcmh8EZ1dnVWvnVEUviUlEIdbpkAmbKlsTiSz8PFZR0yRZxsLJGixOPueBb0eg1dSsmlC9mE\\qeUzv2l824ZKNfoqSvn3ZlXOSBK0BhnpodqqSk7zmNGt9zgpac8hwrUagYY9tHm4fvb6+2TWQ2BHbz4uL3gKbweyQCvUD3OyG5JhlY78UGNgeyts4x4rzP0evV44OXwBnsXGEL+fiXEwYGvb2pNmslq\\uuO9Y+6RZzday2GEZk2tuPUyYaE4Hl8ulstIUuahj4+A9Jkj7Rw\\HVWiaB5tk6RZ2+TmITLnbdMnaYteQEzELKbmrYylOxTuxOcnQaLBAzBx\\+gBVerMRfvmyX3A471M\\c2xMiOYycM7ZcW9GxsPJ+OVpODcWwM\\7wPnm6PXe9qcX5TRABpdEPd\\BzkXa2weJzKX0a1pmdhwMOJyNJMrOmUMqt61C1BjGtLGTs\\iJNZORnx1tL4GPiyUc16pl0YWOhTvUFNqqQaVTQKntnJpZiYYRlVmqinU1zSqYlKxO6udvAda0bQpRVMgZEkYtlqtZzTEmv7Mywt1xUKNEm4cwxV5dGWNa\\QJgXltcEJzr0jVl5FuIdGWHcfLJPCMzJad2Wi8u7hfWNl5BbH94sXlMsSEgs76cfkaolbK7Ugnyxapn4ixNlLwgcVC1FshB1VlExLlMxhP+Sy1yaNSybd8cqL5W\\SQZwFFNpZjavGIsl6lWDoSSEgFRK4nEVCbHE6UaiKBaspZ3uZSnicYAQ83+a9TW7iknOGfNcEm4plosr1nS1i0oRGReOXNRjMMDaURmDH4c1fJlMcnGbcF8sh+z45EcKpg4wxauVUulzXewmY56u0E7ALxgZ\\AzFTTls7ShwcE5GaYd6DgDNwpwih1WKJi40F97D5z3fgXOpZoCLQVAu6q4XqpJ6+l4fZ3NrPXy+npezkgCNYuzK2zeknNN2pAXYLuLCxxII6cj3pRmNW0zlW4rvnJZmp6dDuApV62iA8HhWVyrqrNF1K+IB\\6hSmriB7FN2Kqge9GxJtkFskFGLzU7aE8zsiaPm0UcIQ5t8eZL1Uwbju4DCgxGm69e0LLokFab1ALI4UW+1GyWxPCAEQjUWCiWVlpTTaU\\+mrEAimxWVCt5Uuoz2qtSOpBjmt5SMESLpJkpH2dL6p3kW6SktDY8adT4PzPRlAw+zH7mgqx+D2pkuUTxdTMfmCHycR3THc2C97i7h+nK6\\33h0fH9dqCnRecS6u14rr5VJzdNMcvVx\\ORg110eX6y9H1ZvB4Aw3ag5n8YWQFFnGYvOyU724PDtrXpydnRXPLsuXF2c8tY3KFOdyFmYwSvXs4uwif8a3Li9rl52Ly8uzZunyrJQ\\65xddC4vL4GWVKZ4Rog1JZxKaHJetdRBWvkzvIcYzs7wytkFstLsIM5m5xL4XDarOO6AespVR54lxTylOGaXJeAB93gdka5fXuYZUb55ifKhVEitWby4PCh3mLOiWoEg6HJJdDgRLrFQePqymj9rIvEOMlM961QvO8XOWTl\\cVFluavirJCAZhVwLuVrx5vbMJr+2egvFva\\sP1c0CEkNMEC8nPOD+0nqf07xmkT5gXTX+sdrbw+\\XR8zOZzKpFEP0MQrq\\3RuXhxeXwbNRbH+wcn2Dbu7lcT+R2XuWYiE7wZOns5Vm5Q8jO8qUz8HQRRQNng4YdHtxmcZa3YVKdlcDDZ+XqZfMCKHekGqrA7OKsRv48E9cXzJxSBmyyimhmyoty9aIJZDogErx\\Ka\\wH3icXZQuwUuX5bMLVjFkLJlJ8lOqlp2ItlryAix8Caa+vIC4uGzm8c7ZZfPyrHbZrBGlS2QVBbu4RFyXZd6jOSrZAOvXiiwNUiDYRZIbMlE6u6iBPkAzJdAL47xsrp+dSTWAemHPrq\\jD5kokemBM12UwBnsvE+3pypaTwb4mdivh4ZTBHPZ7\\bOgroQC85DSAjifFyibrBYk8RKBPNgfTQcDaujm\\X1YedmODq\\Wb8ZvsSdaoKz6i0VWUUAc5lnbV+cFVG7nbP1s85656JYy9eU8Wz0+Wpq9lHsool0htguLtaLZ6ALMGCxiQtnqA9UaQlMcla0jqayoKx7sEzJOZ8gbC8hqi9JX+SxUhFStgPAzvLIQfUiXyuBMZvrzTNI8arVtBZnp3UJdPHiopQHv5abZ2dAMV\\sXJQpky6qZ+V1EAkLh1IVUVLwK5LnOZvNqAVmTfQspDOyVlq\\IKmXATGeRyygN8q5PNAGoVysq0TJr1OYnZWKNTF9sCm+AM57xNkr7HsNgkVnCEcJqeMzkBFDofK3N39APuRBa03ktuJcU8kt9o\\a22XADYE9PHvZ67wc1gY3vZvB+mBwebaeL6q9ndSOGsEl8M8lSJgcibpBFXRQIxdnbItRkuWn4UzpVQKQeKUs5QU\\vqyWIB0h4YD4mcQB4QfNWSqJAwxWDqCnKWZ1My6WKJfXy6jGS4h\\pNlU+VgiT1FYImtVHAFCkIfmpEYxy22G6vA8tM\\FBaVSmcKZegB66BIQdSC8oVRwocOYsKGiAcMX8+roBf3kbQ8Gy3RBeZ0X\\s\\jfVAf5BvyB31wibyBNkmxpeI6IgI\\lwXofIqzD4m970E3ezI+xIs5koC+MJjZHO8XpOPxZ+HcMAsmbhV237xaeb0C\\ezMaoFacAZ9IQODm9rg5foISjnfu1l\\2bsYDaCvQQIWZ2ZNvY80tmAySQ2Bey4grkV2srRUOqyAWknqskjz1YaaWJklmD4XTfAOpPVFp9zJ12CWwRJqXtRwrVPE3tIJ1QOqgtgKP5fEAATMkAaEDbAWIXU7kA6gO\\A0+AiGHLIDbkblXtAEqinQtbLgrFa4yw\\KACFyUbsg84O0OrA4moigDCpkREgODeQOaA\\64axD+Y5clIXQqzCbpWknrS2q9tIZ0QWOkAoQCVAq+bMy6A5kzWtkYuC8Lh2Eean+zVpR5PbeYCNckI6qhqf9kJ4MJOF4P3Y9B15EFe3Pn2kCnBfQCN\\dAM5Hv744LluQlalph7HxVAbcVarpDli7XAby5WKZzFzWnoyaACdNvyIrnjdKhA5Fp1VSLXLLG4gdgJRE\\zCOJLES\\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\\0noH+7f1CYxc4v97+dEwVWixK8VhA5ycpzu7FIM6ql1kK9f+xxqXExZK+jeusJbYeqIuEn8m45VsR12rTk9I6zAs3E7Ei5TdtPlQmjFymU5PmueruZl5paEZsk9cR3cyUx\\NVy1whtwpxC\\dSLWdqJs\\0SQMl6S\\l1qJrgb2dD1GW9mLtuLT+4sPe65VXMMNMizg32C\\l+6Fnp1TdJatv47xvdv8AznsfXhxr\\5RzXqf+7WJpKtx2PElV7IhS3nW523ovu4dwh1fKtt\\ZRgROvauXZALsvNRbXnisqnXMplyegqKkXftMRdriD4mYOD846KAUW2xxeOZZVKFj0HCNyq6qD4r\\O3+\\aNXVXDxef\\EOxvHKzW4fNpThIEAyMRD2rJ5+0IorjQYa4d5Cn45PMPQLZVELbfHu\\iriXKqKEBLpZcstJea26poqwttlSxHK5Q\\FucwImQhjF\\kPtmELtUQVKdKzWCoWHwwYqzVfKpXmdsDevsCyEkyh3prsaK+g2MhWTT3tVeZUbtF+zlTaRB0mB9YUhmB98eJwb+9o+81G2PpCY7vBSRZkZc\\O46\\nHoQz+LmxYDZeQResbL94cSwsjd+xiOQp\\RjFDC2UaD3QVCIdyxAUntLXVVL17bp2rEIouXclkXI5GayQ0LGNOk0gSQvEUlMiqpb1fdZ1Xsx0qWEk5qyJbNUVM5keO05DKbH9Jgo59tD49TLxFHKjrY6MSTPKFgI6RTy0tfGMpCcp7YylgZbtsew3X7x4t3dEsb0bmSCIGoDZ982XhsOZIz4fsBQccAY7L5i1K\\Zqb394kSDNXTKepDR7OImYMbASy4ImgaA9VLaI4UDcGVPiAM614n0DxQRrjUxcUoaWtKjipVXFK3mHc5Zo7hfyd5TyVn5ERFnqloOq9HG4YtdUeRQnaLs4fpwyTQbnde4AswDyfnctKEQtY9gTFX9ZaCQLoxm7YsN9wz5wNo3+xuCawxcOP72wSpqUdee4IbE\\ydJsjZS06sskbQthOV+arPCUtdZrD0ECKNaUcUsqIAV5sRqLDud88bHhQW+qcKHEIhWLHpIRAuIWESYvF8ulhxGOxVmqvSgwrxy9Prq5WlsstArteGEhCPvRF+Mlq7XCFHuQHbZP12mjH71\\xcHhewD62JJW8R44o6bZ5ssjh1Dnx9S+Je3UKCnOs1n2GO3u+1cA48pL9DXLKMVjIS3pUKvla8dssj8Y3+Mszsf3BUP9V8dsXJcszNIQVcIjdx+XNcK0Lu8Z1sHQ6y82D\\fYJ\\nqLbi53adzmt7pxS8Lydqs0NAPUc8LC1++EGfT3+hxcPjK3va7FzIsX0SI7o71ON1ir\\8ylp9bvSHjmqqbeuAemBnW592cEmTYlN1qHiTh481jTUev25w9LKxvPiwjVd3ZhHA+kbfN483jRwZozhefDmXGxOk\\G4HxClEBrGjM4lrBLFj9\\NDAqZKe7Dh26JRAr+x9oPC+X9jUrdvJbAI5\\PQpuTbn7c0XDw4a4eanTMry7648Mnx6SBY+2Sxkim2zleTiK7Lz6d2HU3Dzyt71zdXGos5wb+gsKxkF9kicZZQ\\xH+wu3GzJ\\Or9vauPxwefkA4nAy\\ut2HD8l9d\\DhQ3JR95xXlTx06B62pza4V5PzbJQf0qiTyx+ySWr06WHmoqSdTfIw+0q6d0kdjpc2LbwmmsmQFC1TPWkePmTfOhwvaObkQ3J12tMftimygfP2zdtdwTlZ8c\\jNPbQ8x6xThRQXrSzd\\obb3rbR6\\3OPtG53RSdmhY2cuGlb1XDO76q70Vd39l5XRPZqbuncoMVdx4Nfbyin12ZTzG9L69MbFPnz5FCkz6lRyv7NlsuMddLHtzEkmm0Sa78ceTvd0dpU8nKWtetICv7F1WyekpZ+WeZgs8NUsr47dX3OER\\mV68PX2P1e7u63MYhWep0v+PQpnTnRfLCzGwUJjcXdt482NzBzes\\NwZT6yTGc+stOcj9zE5aMjrQK9+zqZJ51Md17R+cjIurx25B48shOh7X7i1E6mnph4faQHiPj6WtN10TMn2QnY9uD1EacXHyVprByNJZWWZyWTkM2ny6rN9\\gca9na6\\Z5TmO1E5c1R1I5mdngY2mkU8OTmeJpqeVUYtl+9XZjo98fw9nIOkqPhLmgy+94bIr3+1cbV69cAFmeym771J3LTk\\t2d7e9vaeXL3efpXefmlvvzqVv8zbR3v2TPZ79mDP7raTtF5mkn4pZ1x+4jSb9qvt7e1MjvZOT8duuzRO9Sn79F5y2RVke\\wtzcLLbZe0Pu7ecvnb1vun19fjdSTLZNjsZ9I6cpGcust7mXLwbcoJ+zTD26vdfruwn1l8xgPOvom9xy7uZ1c0asUmaPhg6qvdjbdvdq\\evP0D4Y3bvXnLg7c4kJ2c8cDusB9yp08xZB7jW295WWPDVYnEXpbn07i5f\\9Gbr5JXtZTPucicfs\\XI6SJJLbmaeSy5pDjW383L7lMuyeemPTzKaRluvtH8PhH\\YlKbZsNM63SeneJE8nhdU6ksdd0m+TnLx9v0EvmBfst\\cLY+tHxdFj12SVxYaERgqmFXEydNTfXdvd4EJNu2v9tbEFknZ3N+TyGtfv4VP8l5Wb1mQlH1zUFX1wYZer5sgB\\3XBJYkX2mE3WdRJnkrXeOJ2Y2PDXtjIPmsDY+RbmoSuzbOr2119kZfte2v28Uxa9uJGEt\\Grn1kY3dRXknyoSfYaaZ5oMWWJFhMlFrK29\\o634tec3GveYKrhlIEtNq1BxpPe4m\\3ixv2iMWYhbJijcXn\\5UQt2ymJDQBoSAnE3vpgv8f5+YY3C3ASxiftjYXFRdtAT\\UVZhKtfCMN6N9fnCOJ66PdlvdQwkLuLEZ6Qt3S\\2F\\ETr4\\09cJ98YUDNLpGx2pZjjEmItn2bTsQX\\NHdgMcGNvhrjZ19S49BYOGAmi5FKAQT92Ly6u2b1mZS29vGijXRsvqE0Gsa\\JM\\IYCppkI8x1WQndei70CybX7eZ8zodJ3+fiTTiC7QPM+rjBEvYn6rOfZLC\\Jv\\9RsMEphEsmAXTMI3G2Pg+z\\uKNZYt0IVCsjoZa3ixEKfHEyGoh313jNqUFRQ487rQELs\\9IP+4qzQuCMsfmX41vFlgp\\zCYyGfp+Dd\\qLMpnNBLLcYBDfTvCh+SnsM5Bp9fkHrKd\\h7WtQHueWmQuel0i8HY+cYPrYTSMfbChy96EsiwdByLaBc1nwPgIvfKg8LXvN6aU1x4EMhMxuWFkIkQcBo1IZrAli9mPpfvQ\\HAwwP6XLxCplKlI5VvhDOEi64cJ0AVLRUZ5nB4UK9cZ7NWA\\WFy0oBAinSFshCypsFlJk0gK6SYhRnhrnqdfN5MhIU7wp0RPvB9YwtufK7yktYD11+jyDaCOAdd5jivrWG+Lj+yYsGCrAskyDS+Hc4WaKviszgj1bgxCbMvH4MSBAQFXxcMlVm4KC6uccreHJzjub+FrwyNbxyfK6jaHya5FNp1YT39oo77Bkn8tfmxrmjBWVap+EY4F6wuJqVRzljd7KwzEFdDf1z3BnuZ1QOB1ZCvEXAdlEC7vH3O1CtEeCYIAHNj+k8Gm2d+3uQPxJz9ed4tfpj7uxX\\RHx3\\ZDexG8BBV3gGl0UWwHSYAl9y8K44sP8KnABERMEkt7c\\MR35cBJUvFqQFFPwez\\APlwt92hOb5UAAAAAElFTkSuQmCC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25" name="图片 28" descr="IMG_28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5" name="图片 28" descr="IMG_283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AppData\\Local\\Temp\\enhtmlclip\\QQ图片20180802184815.png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4733925" cy="781050"/>
            <wp:effectExtent l="0" t="0" r="9525" b="0"/>
            <wp:docPr id="13" name="图片 29" descr="IMG_28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图片 29" descr="IMG_284"/>
                    <pic:cNvPicPr>
                      <a:picLocks noChangeAspect="1"/>
                    </pic:cNvPicPr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733925" cy="78105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AppData\\Local\\Temp\\enhtmlclip\\QQ图片20180802184736.png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4752975" cy="1543050"/>
            <wp:effectExtent l="0" t="0" r="9525" b="0"/>
            <wp:docPr id="10" name="图片 31" descr="IMG_28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图片 31" descr="IMG_286"/>
                    <pic:cNvPicPr>
                      <a:picLocks noChangeAspect="1"/>
                    </pic:cNvPicPr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4752975" cy="154305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Documents\\data:image\\png;base64,iVBORw0KGgoAAAANSUhEUgAAAfMAAACiCAMAAABidNSfAAAAAXNSR0IArs4c6QAAAbBQTFRF9\\j37e3tWVlZ9fj6XFxcXl5e9\\X39\\f19fX19ff39vf18\\T0+PX57+\\v9\\fzU1NT9Pf36+zrSkpJ8fLxabR2ard4S0tM+Pf5+vbyZ65xaKdt+\\j2bLF4Z6pxaLJ08\\f1Tk5OaKRvbbh7QkJDR0dHYWFhyItyPDUw8PvyUFBQVlZW17CfRENH\\+7k\\\\LsY0s++\\Dq8\\r4vYZuvopzZalua2pq+vr6bKlynrujODMxRi4h5fPo+vX2rnVgaq50Z2ZmNCwoarV5RkZDZaFrZKZrbJxz\\9\\QYl1ah72Q0JB3hLuNQ0dFzuvUQD09zY10YZ5nKlYvXmBeMF43baF1NmQ+Ylxed7mD7fDudrB+0u\\Yotyqsee4vfTE4Obh6+vpp3hVcqV5xt7Jk86cSDQn\\93NfX199fLvQ0ZA1tbWmZmZS0c\\jIyLEzsVSzovxZR\\JkUb+NXGcnFxsn1nisSSw8PDvqlUXmBcbmc6oaiizMzMyfvQNTAp\\Obb6vXp\\uzer6+vubq5t7GPUoZZlrabXlldn86l6Merj4c8JU0pj5Nf2Mxjy+LQzrGh7sy8xb5s5djR3Nyu6QAAIABJREFUeNrtfQtDG0ey7kgIMdIgBBos85CQhCTbUhxviAHFCZHCw4mNg0mCA4SHluAFgzn2WQInAduJfew4m9zs7m++X1V1z4yEMNhmvVkfSo95dnd1f1XV1T093Ub4lP6vkXFaBKeYn9Ip5qd0ivkpnWJ+SqeYn9J\\LuZBonA4BHKPcBwOvTA+z\\VgzeffT0fx80fjtx6PmmIOvQ7mpik7EXMY+\\ooHBwhCoaaQKFQsFWOQqF2fFgMQrVERUbnUvjwcTA4UvP591MjfqyIGQya9HtdfhvqzAnej+L3FHp7e+iVAbeMsGkaRtj2+WwTOm84ej\\ShVQU5iIAOAwL4qHGdsHhiY\\b\\tAfM9hmWkEzUrUt7J1AjAfK44TvdzAnUxpqT70q5iYwJpAt21ft8NmEuOHY6BRjR6mQkI10tYHCYYXnASKZkDtAvFP3+XfTQX5a1iPVjqpvvQ2Y\\\\H4bZgHLlxIQDj8yradMScl7+igLyu9xjw1kGLUGV8gXiuRI4eQIwBt4VTN599PB\\ixItVqR0c1YrVwtv9o\\B5Wrwvmr+HAmTDvER903ALodtiD+QAwJ41VMIZTqVRKm+5Q+Ki6B4YoVPv595PmhOU8ZEaQYcDeQZWaETJDb5jfVB0ddfsAKOXY9lf34agCh5L7LAi9D2bOduvzULtg3sU2vQ1MDbS3NzW1trbC1AdDR7iYRKE\\Kp09G4KvGoEHExqGwPt8VqhJ+SlvkNrr6KjbxZkOhXTJvrJth8Qjz3YYLrsNuY9Yrg\\HsepqhOUwGGxl971VvLkjKPgHJti2CDLLuz4f9szXj7O1jk6Y5RC50q3al27g9x+\\PjeNjgjZd+yRH2e7ukrIsisjSt8eDgbdWptEov0Q8jTePJ8DbaU3\\dF+J\\lr0O7qehdnpQu7vvX1rpbg6\\F7kE6Y\\5BuPVFl+xqYG1bEsKhNTlUcqnWAbrBjZ5lnBVoYfcMInm1tbzLDLS2w9DD1cHRtI3WYMWqCAA23D1v1abUQkUOM9NqwZ2KfksaWznPXQEuLabe19LaYVpuhHWiTw\\C+hKctx0Uh1V0Umu9pMVzXm2NukfPgurdXu7\\rHdU52cEXjhyB3tZCPBotYWaK\\RqOT4U3zRYPyRlJGWlT+khqxBxpGWnrasM\\9jXpuy2jxbJaeq0Wzifn3dTcIx98FufNFk61JdyCs7hD5xzZhSfN5U8VrWm9NNbKQQfMBtfqlE\\U6+TEEuiqT4b9Nisslgo36RaDfWFg4DCnI2yFh4eb7PZhx5aofh7HO6SyDeuT7EdaltliCE+GgbyHWzx3myosoUH3uXHIR66bfEZ+YedI32mgFG3gC4x72+DAzNnrKi+9bfDcq9W59TZJKWy2qLjddOXj8tOiylBdMfUZvmTyhrcSyrYt0ykKt1BUo9jh13RyKWfBR4tR203aIs7VhQsX4Fy9fJ+57ofxRQwtASbqNWqlm9KEC1Nra+DCQKoJeI+0tg6HUqbyMAdse8CyQrUwOi2JYdO2gbyhu\\TUNmQifEh9jJR7ZKWMgeH2UMq2jPaQZdmUDvace02+O9Rup4aHh9tNS85JeHcbco5Daj\\kOWemLMsYDqLatmxqpaAmDxvw3\\G1qr45ZDtiOnUR+A0awbBKV\\PabqiPirud4oSw4rpF95DjHwoZIQtNAN7VnBgD+EAvJTYTOaN8mu2Gw7066\\Cuc0NpGE45oNI0qEUJyAdQ\\NartMtRf3dEqO\\NJN5h5tF0sTs6PN1xHH0K1UgvnB6bGgsXmJDkgNWUSrXVf5igT9aFgbkLqYNE1sGzN6D3LEtaIu4tAwP6BN9FuwMpy7ZqIkk51xvTgBMRxWWHSNCtCJTc5KaSxTfZOJ6jSg34UUmwPQZ2jGhK31Wf3oAbs3PaYdTNXIO8yx3udctzdiDlLRW5aHkigAykGIALFnTw5Y072ma+CJsY+LCRiG3ZEH9LemaU3aB02kNBc6S37YKiH3+k\\1S73Z66cDj9eOFV6MdXC\\ZyaX700UdUZkRzH83NzeHM3AX7o2U63YAGjpnea7H+8hlNDbdaL+3EkZL7bIP62w0oN1EEsk4dctWI6WIOyHu7ei8sf\\PNN59\\Tr\\PP\\\\999+\\PQ598zl9NElYbL755puac9\\8Tic\\pzhp7\\Nv5dgJIXF8w+l+Tvc5odU96vrvNelIUp97iQ4pFX3hG87G7xTt52r3czmSsOrK78K0Yt1lX6Un193kXM7dfymwz90idK7V8\\i7yzVHdCAT6tpHP7a1vTTkqi1ukLmjfR+B3UFVHVt3sv7U9IfzNrLeZnz07Qc71yYn8QVdu3bt6Ve3vvrq1mGEi198tfIB3+mG4fDXhJxz6owcu\\ddU\\t8Vu9fc0liUle999KeTldH7B7R4awbD6eKE\\w\\Ozvp4c6bnjcfkyoFl39PPtxcqD03XfXHga\\V5V3nRoXace6f1NnUuZxU+5PXnj3\\\\MLLdg+jVoMNZ9\\RCFPvBGoynOFudzIAbmcatdgu\\P7BfGJ0NJHoHKX\\+dlf\\4vpvxsTX3s6mSgnXob6+xP\\EnKjnZ+fT5ST5SR26CCZLCewU04K4cqrJlE+SX4PjWy0U7bYzK9MLn504WUxB+jUAcOYd1RterJW9cGNQcOCzLxJTSbSdLRrw9aFbycJE0Wjs\\O\\Au5ff\\31iy\\kK6QPcQGwP50dHVX3j+o9Nwo6daYf39FE\\3GpE\\eP8kYdyOkz\\Z2ds2Bq9GCIUUmrfxYbKPLoKH7l8miZDmZnE2W+kKTDRP98uTyYmJ1VgY6i0TMSM+IelYTwPQNitmjTif\\O\\sSs8OgtgVHnN9\\fPz\\ff2iaZxqdO0PJQmI\\+OiCefiICo\\fJrYczRVy2qtoi8NFJX\\dIi8e2s4NK37iAlEIhdroB8xT385KRoX6CXOB+iv9\\cJzCNQZ8zP9Z1QxMI0qOtPZ2a\\PMXqdo33ItY79UOrv7KNf\\5k+fGbPnMFeJ5UrYuvshAVqFIYT7ESRQiq6+0YJXeh5PxKc7R\\sxiGELsESMd\\f3dfZ1+lwy7w14gLp47YzhCPi7esDB\\gK5jgGP3SR\\0gcO\\s1I24U\\N+pRaCT5L+zkzNDeTkkH\\SvDvoTo8fDnLsY0CSjVjnZcrLuPtu2UZ2TguPYNljtyQRQlV6D+agHlf75L\\6LlPwrqtVr6Av5\\8KL+YE8MHK0QXH0MWCjlOHOhni5BIypaDr7+0iDpGAB0RmKClH2HSgnlCWJwqhoeqI8SECz9YQhL5e7+3ACqU+QSOCWzu5uuqOzr3HyDhsMeyeJDdLt7+ecENT4knQhzU7a62cJIg40Mx7OOqVcOjtRY3YqtWAm2HYo6ux8IebLR2JumqpLhx12atADeph3X4fhI6edDqTbNayEohbzhOSX+BhlzKHQt2594YDOntst9uwAOoz701nFcudBfXXBpkJHcZMG9x+BOVLvU2rQycazj3QNqPeRwpP+N8ScVIkQL5fFwPcnUG+j7i4nB\\sQiog4IUXtS1Ik\\Ych3qmtCWsjQKWk1f39Z9jVYRs\\Knss8oR+Z52is7yy3MJgdDpF1EmhUFmzHCQ4uQOYK\\k5c2zMWYstflROj9NMbpd1+AwCHNsqLHwYdgANNYs7C+swFzY434K5AK19ddr7QnYU5uTxdepA7k6n2Eb8k\\6hPk\\0JahoujuPIBiGblLCzkFS7O4z3WTo+5KjfKHzTE14MelUdgRBf6I7WR4lYzpKaj4x2Ac7PzjY2T3YPUi63Tcoyjqq1AwRkK9Uxzf7T2SIJXroMXaJJ4Kuk+AbpQ3H1NfZDZnoG+1Gqiq0hzl2aPoZ8k6l8Pj1cU2BeDtJThqVwKjzn0g8OxbmpmVbth4YYVmGSS56xDZICGDjI9LTbqju+LAJ\\40xD5mpb+dJBDvrMde23dNKI3VXmJfrINPUjeyOdsI9RR3aX4aXk5gtjw66ZctF4Slrl6BNVMCowbkwy+STw9SXu1HyBwqJCq+PWhvl7mSyu8wmZXCQPCaC+gyq8+5EorsvkYSl7Cf8qAYY7e938E3URagwhwNNYgrQyt1AniWgjzWbpLiTRI3EC\\t93UizrHKU8JQfJLwPN0px8C4hOdonlYQcdR7Iv4gW\\SH5Y2BusFH3cdVNVbaP+mOoL8ZnGarjzdJPAkznoYUXc8qwYlJjzrb91i1Vi2NLu2zbv2DM+xJ9YI6+XoJtTSYT+KJVUs4kyxPUgEoOdjt36bZJXx2VJ5Lc1EqWB2GaE4PUuKJoJshaT3SXD9yfwHd0tDw4OJhkR617AjEk4LYnJiYGkzhLIkdWvyw1vMTOKetfH07XxqrcAdw3CJe\\PIHd\\vIEBQVHo9wUTA7CeRhFOERPCSp5VxGTB0lRMOaUagJ3JmjbXe5Uvz78DuS\\ry+hhITac8fQc3q+A9eM4YXfTj66QR0zHRGD8A871b0eFUl\\grmhMVdcdCYc2371q6dPv3r6wbNbt65id\\6rq5NXb33lxbysyVNms6uTmcmF57Pz+JsvYTM5u7C6MOtkMkFF0d3dXZ\\hxOrCZHl1caGcWJhN7MyuLizMl1Z3MuWdBTpY9QqJJElF3A\\MUX5APDExu7o6mZhcWJjNXENMO4huFhzMLizuJHd2yvM7k4lriwvzZQdzjqe7280CxUlsrM5OLqyWVhd2dhYWduZXEzurpdnnicTC4mRyZzWB\\OzMlld3krM75cT86gIqFA9bCaqPBicg46q9Pb8zz\\0E82gplsuzs8lZOoliSrwm5miSAXNud1s0xhVtMYBrUkVucF9rgydkNXpeTjhZdzF\\+uDWs+e3HnywuHDr82+\\+vbzrxYXr95y6nPWHKaEhOvuHIU9Te48WJ1+\\mBxcX7x+cJiaXFycnF+4cGqE3+5m0vaLWt1NrmwtDp77cHq0kLiweLk0uzCg4WZyQeL4ztLC9dmFx\\sJOru704Q1InBCdJAVALJ6Z0lJLq0sLC0sriwNDm5tDS7urS6srC4+mB+YWm8tPh8nmJP6vCig5oSCYVZYvXBwvzi0s7kg1WKY3J1qbT0YHzxwQr4I66uLTzfWZqfX1oqgcnM8wc7s0m0EUaTOpoEDAzciCTqlPL80uzs0uLS7CTKYQeRra48WCwtzc4sLs3ML84O9g+Wu10WxOjQFkJcOujDUUPcM1SdBzpWfablk55WUz09pQYbj5MJN4L8AObdTH0K81tfPV1aeDA\\\\fmvtx48Xfx85ffFW+D1i1sO5t1lVWwSDhUou8yLKPnnS0vP55dWppcmF+ZnF8fnl0oZL2DcLefFjzBf3JmeXlx8urM4u7j0fHFlfvHqzMLi4srCwnRmfHIhU3M3YmC7nYQRx\\EgDHxmZhKY7yzNrDyYBQuTTxd2MqsPVueXrk0vrq4ulMbxv\\j02lJCx9LtCh7v6BOZxflpYA5hmXy6uoAQK4tLq4tL80uTTxefryKN55MPZrCdnF2az+wsrZYhcRMiL\\AY0F6A4UlOTExAu+cXJxcWpxcWJhdnFlchvIsrwH1xfnJx8RqiI8TBeLdDwkIfFWwjzDXW6uE8zDjaX6jRLdqxyT8PS7cr2mqRwx7FejEvH8Acer709Pm1pw+eTn77dOH5588Xv\\r22dNbHsy74TtRydNWyiuRzEw+WHgw+RyoIVc7D5DrnUWgMZ+Y18UMl4vUoCanFNfi85n5VdLRycVrD5ZWJkmZFh+gqOZnSzuLpYQLEyJIlgVy1ODdg\\ifGCytTD54vnLtwSwCAPOVccQH2GBtVpauPV+aXwFWSyVYHgdd\\ku4wi5nS5kHsxnIDIRu8erCQoYwXwRc84sLKw+uPX\\+HPpPKcAagMOV2QerqN+pKAapc7c8MZ1UnJWA+dLk4nNgfo0wn3ywtDqzBG2Yf\\7gATRidmKQRL2\\HnPkr1QuNbLt7HqbhnpSTt0v3DLnMa4mvblgUZMNoBvyTKXRe2uNMS+XV0TPv3j6\\Kur176AgZ2+9Wxl4erzW88WJwXzX\\\\r6Tx3ZHeXHT1PJBnznYWZhVXY0J2Z58jk+CqKb3x2MQFFJ7STKlBifra7lpKzS1AuoDU7vwAdW5ldWJlcXLm2kFlYWkCkpWRJhR7k8LOzCbKg5BoR5skEKv+FlZmZHSjlzOLk6s70853x1efTwGxpYRxqOQuOEPvOdMnJZ3d3+SDmZVjdzPOlhVnY8szq83HY5YWdxZ0FMucLmVUYjp3ZRXA2CdmERIJfcvnAP3XzKyNGoGemSysZVDEPUM+gxlmCLK5Cz1HPzS+hfCDPqK4Guwe7D2CeLJW6G2PuvrNAA\\7IXbc7+JE5vZXG\\hsNbLa5fW6bR2FekjqVAOlWmLPTLl0xt8SH\\0p1zAjmGsCkfogBCwundj6xUlqZzsyvrJRK8zMr85nM+HgpM19KaMw4nUHUwx6iSDLz85mV0izuRRCUV2llZRxxlBIJhM3gp4jFE5EB6kFWqR7ZQaDSPEp6tjRfmkaa4yXwMF\\K0K8EnkqlTGZ+fDyhMZeEa\\awQQIZurNUmqUQpUyCGFpBBkrleXCRGMelcfqn20rziJzFEG2OUjKT6cEd5RIxnMkkUbfMj08+n13JTD6\\Nj47O74zO1tK7CQmoRnzcHUhK4myfgbEaBMDyWTPIZgL3laYR4bwyB\\BHI1w27Z4XDN57hFgXu04AvP2bzWAyR4CRen5LdXzpjtnNPwa80HWOmoqJXl\\AuyWAUkC+SWMMgmUyXgmMz3dA2PlYKwNe7KOSj0oxRJtuZVHjTQcomCpxVbSEiOYkyZNU4usXOoZnxhH5VkmZc9MjyPdxPh0YiJJolYGAgn6TxJCJC8JXcrdzIfwL1lwZBcpEO+ICs1EWC6cGqewENNBNNtItKkZibtwH3E7QY033DhOMoE7AXx5HGxNr66Oz9PZEsqAPBrY\\fHyOLzOzHhyYhrc9yQnelwuaIcOe3qSpWcfHazPxRHXLTIYdO5gp9FuVKNTpc5DZbCRbpqXwDy58qvuh1MdcV\\pnjjdJ+PRcw9mPUAGcE0nJ8rUti1nSJDHp0vTE9OuPCdZSXt6ejxBOcco2DJzUJ4GgGhjo3RQfriR\\KJB537SbLoPbhIVGP5RvInS+PT09HiZbcL49Ph8z\\Q0QTFBslBCbJQIwJoYdOXUm7hzhhiZJgxht4Av7FFiggxTmQSMam3AjkQpMrq1pzw4XabGe5lED631ElXGYGJ8fBD8QOYTYuASEz09mXJPCUrcQ2YryZ0FSVUsx8Scq2yYdK7G0R6zq1Kbm9BroGzyozXov0FvpB76MjkNujIvKMwHCQqkx5h\\oYB2uuPkyOlvn3dQ61GMAh9kYXx6cEI14pKkDAAcn4lS2b2fMSshOeeDKEiLGBYEpyLugWXonu7hMsFVtnn4UL0+PtGDFEoTgBXFn0iOZ4D5xPj4eDLDiDPwBAbEY5B63hFlaRB+FWIqJx2AOVWVcUcGeugiiW2S0R2kGhcyjK\\gQk4EfekG+p+QDp8eMMVok1UB5j3TJJLj0HjY+MHB0iDEd6JERSS\\kohyssdxUhRTPcRXT3Lm2XJjzBlNfgPR54tEImGzg\\UcrXKYeOl5p+re4i444yDe6g0ZG5iDKajSBD5gaIWeparutwb0BWO+ktE2XWiCrScsKlzoMtngZIZsH5lbWDYycJS\\jBDB15OUT2ZQ79VQT4+cUhYBWgIDjfqyzHUFVbikzxQv4s+Q14AD2gofsOdJ17ZkPBFPEHS4saeO5FSyMQ1mJurP6MxnUPNkyIFAqklywKhCz8BGTXC2Wc1LSJCzIiQqUhL55wIZzFDR0x6Ev6c0A8xT7gNTaZUL5B30eooZ5k5W6mwF2JGIPEbjEb80MMI7z0A95u30BpIJzFcyE4MTihjzX3\\9b3qYKsDzo3MP5r\\+N2OeYX57FIyEeQ8M7AQXOaQZEPTgQ5iPM+YZnYIK0aM+E\\w5SO5V\\d\\DaQiqjDmXKkU\\zckw7nyJ\\8tUtZJP0ENmpUekyCn4iQbkpNNTz0uyJ1P7GVT5mCgpmUaesT9OFfk4sQTLM021E7lzJcmPil9JWC1Ryct2sCczs\\Lso1SDZ+X8SJRHwvB7eBGoNo9+ivAIb1ToaKuZL5xPRt46M0jPZ7jUqfqamO7J\\Peh46JoaBSPjno6W1cGJLhc9PDFSOgJECaUAm2kbvaQI2OuptXGd4AyOgm6Oi6gI6kewhyFzsmMSyF7ZUp9dGL8X5PuYeRIXUN+JtR5Tp+y3UMSpvKML4RT7NAL8lPLH0kCszm+MvPMGRtl6PdGWMsj9NCUJ5Pwcc96mEY4Qg54oKst459U9\\oLQDcswnxFbC5VqZmrt344iu4+1WY6o4pYKR6qMBbsEsFAeqcxH++pB\\2gba1VrUaQU\\mWOCJl3V0zInqecSA\\Mr6jENf5KzUO7+Q6w7UKYauynRlnYRxXduhF4WvZYz2H2pVmrj77xoO5KXOGoDVG7TKDTbfFKFuGj99YMCNVNebthXMItSnQrfCF3zevXp25CmZniK7+9tv\\vJDOnbv82\\TEeA3LZEtn2NrO0F5phrDJUENt3M195vVIqnBHkUtiTMYzqjnEybwA9H8BcXnNMBczMxl8wNFMySPwVB64gjuPjIsEh+6aQA6vXn3u0XNVoyvDTgpPHevD\\KzcikRsvuRjvbe4LjcOqc7DPJEIeXHmheUnW1eZCPGrwPxvf\\vzocSX\\jaduerSzMzKyszVmZUZOVyRaHByRcU548QuHy\\NOJHUUd3plRWJX6WiYue9Gb3L13HfTF3cjagRL94EDw3nXJ\\hdDUfK4rDFSfbDqczB3LYkB9PHp55xjrLoxV+eGKrFxH54TjPHWLbPMq5GglTnwz79KZ5uJ6rUfPDqNCXv\\3AS\\97NH1QR8+ePVMb2flAH7vXnf1XprpInilyk\\\\gBBJ5WY5qOHt2Etl+9sGT3y+4cwhxVY7628fGW72LSKZdvDd25+DN8btq7OAdjbk5bKX4nR8P\\bhc\\ehHbEDuuR8\\kjPLPy7\\9F71x5oAy8vLfA\\taJLznjuWP3o9cqN1Y1Sn3OQ\\epPkZvNAtrm0XjXbP9qGWfP2Ic2N0yG96Ia8wOCjiVP4VTQflBx1vGFx050swZGY82Qm7utSMnlUa2vowMRRQW7bhfmmrktdbZal3rNrn+uoztm0356ao1l7OuilwI5qFd85fieQ+gg65mzbTL38h94NtWwrZPr4DdNqhx2ikV+RatVnh0LcTp2z1buHNZQ60Y9DnBI1dFOUttVkpZqoM4Rz3MG5pp\\dTqXRbtm2b86iPXqn\\IUfRfy+YDjY2hp0J\\jjDvYII2xzXU5j4MJi7rmBZoZrnpYfPg+kB3MCnZgCdY2M0PvoTa31c2uNjISacLq1aYAEo6sLARlLi99\\bbdC1C0YsnhwDj3WjbBbEXHAkK4h8xUoZJpnQ2YEBkxiN8\\SvEgRRN0asviFa8sMmm+KQjo35EWHmqx2iHKrqbNNr4lxf2h7e3tTqKm9HTe285Qdx42fO91aXczDPPqlo4PngpKXFCgZ1V7vUG8lHQ9zNc8bT1mjZnwL0xtsQX1UN2dd13pbKkVzDLXKLEei5PYcMjtHLzJb2LNTLPxz9NIzDby0I\\xecMgzKY5Z2w\\YYNqnummdLCNkhYZDc9U57MlrxSELhsUym0LtZnsIhYz9kFkXPty43\\EVpqGqn2aK3mSmwkY2BwYGbHvOZzcNcLZTOtu2vFUtH3rJmPT8iPjd6UgJlNagF0KbG2mi1jwplC2tMkv7bcec71UjLZgLzKFWnrwo7MxPVyMeGnPoepN+CXuuqsx6CpDPWQMpa46wx4+n5zLNWsQPx+Dw6wbPAsU9jTxUoIM6G+csmlLAxL89Rw8Oj55n6WURPzQ8dXywpKcGYN\\nAL2Frc3ZrnYM1Lw\\P9A+cNhcYS\\SxGDta+UQa2uYZ3YkiH3u6+TyulLYGdB8LMx5kiI1lyfPFUVWiGatam1qUA4kEXSNZ8KiCTbErq+39PLTPJvmSjHXeTBmR6RFplFx\\AHzFedG5HlXYNYsxNbWYvGsOJDzFo4TkVLNHrHe3FyNSFj6QGGGaewhZ9s0+Q1BtJn0nDhqnhmaM8Y81rSTWu8ajW6ldxOU54bCpZnf1BhHbqaZ7lQmL8ac5qYKj3gwH6E5ZWgmOwX6gbmDqC4XM8ASE+ztXUeO19fXzfV1SOL6+kjviDnSG8RZQL6OGrambjhIweNdt4K9wUjEDraYtEdGFNk828LX6J\\K3To4f+pR6R31OSz82Tabpp5DvoOU7UiwbaQNfJEcQNbXLZppdqRN5htSH55z6MgUpZuMlTEUTnnme7X4YYp+T0XeMDWlmuSHp1a4ro\\9WJgTjjLH7wuMYTtN2EGTCHZ10ZN3moTNR\\NLcgd\\xOS5WiB\\nHv4GnX1ldF4WvDD61\\nOtWfcP\\Ohsl\\4kkta2I\\a5E3V1+bvyC+Y34OC2\\yUHJyIjn\\RqtBM9SAO37MYaMccMYzKxkd0T1HpafKPhRkj8nFXCZpNngUO7vuPhnjKqDjlH3s+dsZc5ZRhXmQ57f2SHXdnHU0z00q1eZgHoL\\YAXZ1pJZD54VdxY1q0w22k6TL6rZ5Mg+WO2vOBVjE03i2BTiP4sdYxrwKedxrgmucXvTm5vfMUJoN9lVrluDZ8+aZ8\\S2MPhs9wBap81eR5KcvVoh+p\\yOrZY0QcVPazHnN6qsK2nFstNB+SZVo85pE8epvcOcMwzOPW5+GaueuDR0xFpYZYtLXRlEQmvd0K4aPqVbqHyAhVfdSgpPfjyJ00TeMEl4nQc+TIu\\U8ANQ4ZBT3iZK0oEjR6L+D3xFiX5Le9DSkUu2wjWHuKYOivy5HavZ870NU6nPhtmGYZwSKWLUYv5G1OXi8BuWTt9Q7xK\\E8UMAk0y9MBY2X8zbS85FrzxWUyYmN082+qPmQ1cz3ZHUUbZJ5Wj4me3j8Yhw6NRzjoh5wiwZosaWjJGgbnb5t42NAAAgAElEQVQ199cbxNxgLUex0yhLu0MwJyGkWjxsiCvPRSKPfk8qXREpY5iVrCrov6hv+cQw5+fVBlVbNPiwSpnkgSnIIGmdvERCik\\ZrnacOOZkLVXmyXljFl4MunHCCk5Tj1k0l4U8yaN5iWBoLVK9COk7MUfvRPMk0ieZfX5ZQ4y56o4zzBc9QzrBPHON6pMxhqRlPBoNds6kBx0dyrZFbLG8\\wrMKV6LBc9UPTPWG8Ocilwe4limDwJnW7bJ4+4sqcrkEQ\\dZnfYllHfbnwtEjkPs5XhorfUi3r\\cshp+g4rUuWXvLkui0gvsC397BFTXiPibvHIydt2dmSkVNX0nirzbwBzrtF4akFOXSovnlPWF5Eq3I7IuEuTJF892zdOLnn9Pq00Wijbb8KFkwRlzgbCnkyrNWxw24RrcB\\764IJTzR58v4ESnP4wKRgb8q2WxH9jFZelbJpnC23GW2Zw4Sf5pmm20lgnJyN4SEg3BIg\\+GE3YUjGwzyDqApFo1nye5Qgw+rHd5XAk8cc1MemTOF2br7jmgdnCjm5D2JHiNimuMAwi9VnGlEaG4iU+auGjbCzlvuJ5h3idyU\\qc35cPRJPiRqk\\mw+b3BXgcmtUhL45E1JAkNYGHET55v13aak71boQjkTfkt1NEEbJwhp6qwmYPUp7Zm5YMsbbemnUbDfdFb3phgB05diDFwFkd0jBl227\\sZarPLn6lN5y5bzrJqPNz4otW1Z7Uc\\0zbcFc+cFf5PXpqsx9JRPGPhhnmM1cpRL9R+Juamf71QjMmbe4CFV8voENRUh+lWe4EKe5b8dmBvyiJJUOWLpMcfcO6CyLe8KkbmrRqy3DHOBkSYXpFH08lDHlG4Ybipa4q6HefvWYE4aLRNoVqt63gYZiyjjilnfI6b7YvDbhLmaxoSrMZpEljr4DXonUnV9RyKyspO8NPn21OfUCaEeX8riRerJFoScVJ26YciXV++Kvn2Yhy3yWXgiC7UOgPQFidNuOVpgvj1rb4uo29wMZeOtILcl2z5PA+1knyX9UXw4Endb3pFS9bdPhgLaysBJ8814m1Zb16\\+UjcbJJw9du5fDoeVG8dyofrj3yrMZVSOr4MqNxsC30HLfHREpINKJh505jR4I88232DB2R2s1uy58ABfnzVsyGNF1f8k7r35x2P99breTLFwYtt4DLdr1ngtABmAG37LiEScFxA3+HGaGrjN50UaOv5YzvoJ++00AMd0fBh5wOVgrl6peesw55YJj05Qz7IUxtIHK+1S4y3FnNoncEyHqcpWtjziDlbgys423kLMDXlqLFM8RBxbLj2w9C6RvBD4VmLOPot+wCBPUmrG5lg+n\\UWQq4fXUorxefjcWjqqQ6f80mNZrydmIs7DpwtGlzNq656nyPRY0TLNN42zNUKRtxE98mcLboCl+45K\\xHbZsaJyHwvDFlQIR+jlZrBt9KzFUTvYO7YdSSJkbN9bcXcx5jakZkMR81PsgzwbARfou6Yupl3aRVKC0e7dhROw7NUE9X30LMuX8RmqwtuqFGo7mY82PGt6+tpvqi+O1u8tSdcWhq1mw1guat9NvVe1Fq+I9+AzYSfsuJZ8An26YGQejBIf8h3Umv21DlUYeWY8Dl\\ci3H3OTH584415UP\\P\\DczZhFl63I+hlmN96zHnVyZMT6Vl\\adk+yTHRrGfym\\wvGAO2bcIc0\\7Wz1N9Piubzfmhhp7abqNFNs23n7Mw+4gVlNN1vSf0SZ9fR\\OcPBWDiv5dOHhtx1zz3jtsBq8\\Z8yPMA4qQiMcM2z0rdez5WUGxpyNczc\\L+BuelMNKuW9jF5Od633bYbTnXGGyv8h+2D+Zf5cKf0n+WKnNIp5qd0ivkpnWJ+SqeYn9Ip5qd0ivkpnWJ+SqeYn9Ip5qd0ivkpnWJ+SqeYn9Ip5qf0apjzUhy8FwrJGkzB08+\\78NLo8hE+Uev2HJMzE2zdjKE4MhIOJVCWqbV1DSy3hZuCY4c8gmawUbnWxp\\ukz5HLhyWPwmflYwyGtZtKiVLFrqVrZoFP6o+FX4Lr2t56tNpcH7Xeah8Ws+Don\\yPwd7zPCa5mpBY4uDLSaTe0hd33Tl8TcMmWUcp3CI5X2AVq8rddoah3pSqUOW+9LL9Rw3PXBXvH+syxannAvG0898RI9vGmh9Xpa6uOrW4ci+LL5OS5\\h6Vbf99IsIkxb2pvT81ZZ1tfC3N3Gk6zZuKT9oGBC20Q17bW1pHeJqs9dTg1utb+kpR6MbU3ydo\\TccNf9T1JkWvyt\\rXn9ZaktduBBuC4aHU2bbQLjNDKVeHXPDGZauRrMpCg0Q5iPAfLi1FTJmHUKhlJkK8RqWx6P2lHyOe7+p4jcRJuQJ97LxNGIlRGu10KIwtJRhXXz6uClFK820W4fnXz4H+T4efyGVO29+zUblKQuXgta78FsnjF4Hc17Ow6p9gTQYagq1dQHz9TbUZsZw8JD6ubd3pLeX\\uvr7bbGn171qT8\\cmj8TLJtEO6w8EfGz7ysrzNPvb0H+PKe6X1B\\Pqul06\\Jn+HXXU+IwCa1zda7+29tN7V1euutCYrJL2UDycTgPvUVBgO5iNtwdDISGvIuIAU1td9772VVK3+x7F8ib\\vdTnr67085vJaqc+zkLIQx4n6zk51XXrvUteld98++umnR6CfXnzTHzHjQOPSJQV68FX03JAp7PR6JppoeVRaDTPV+9M\\\\v73d95K+jvRfxrH\\P\\OXwl0NKa5HyUcbm0Nvkx9zrMP27xWE80T4cIeakWjsOu9n9459\\65fxPdfJUgx+T2\\fffv6z+X5DMzZvnrv\\7MlNPly9ffh\\x3L98+f6jS+u9Vrs9PBKkFRyPxlwvqEnv08qSQKappoHR7XS4k62E+aV3\\0rl8j7\\EV2WDxJvRLVnG93UONzB65dr\\w6Eu+z5vd\\wmstj\\X2Xz\\Gly+qOy97cNI7z8hHcNrhyubaULtcFkKuX3RJ9v+bK5fpwmujgPsT6\\qOuNrtp2Dwu5k4bzTCMDr0SklpIxPUGGfOuS7+cO\\fD3T+d0h+E7t79AX8fn7t86dJ6yh5u5f7S0NGYu6sKmIZepklWDnG8uBD19FGP36W\\v38ZCU2df8P08DXCXnnRxakp5OXKlSneyj5v\\vV05SSC3\\vw9r179747d\\\\d99qG7dZjY677YeCwG5bqaGfM3UUkUgMDTa20GvJ7\\7h5\\Ye78fzXn70Uff311\\6fv\\756+NTbXh\\8UB8xw7\\9WdfF6MHr8sd+Xye76lUKmAPf1\\\\\\DMfHEI\\F\\Nf\\1z5uT7\\R\\HfKPXoZ69J33\\\\Pcd99953Ny8\\utSWam+l5yIXUqngsTCndXHQRDMMvSSQj9dZsD2Yt8MvHGHbPnVxyKUK09CRlB\\aHnpVquQr25VXDz30fWW79oSm7e0hZn5bTvNRvsLnD+MEjOD76tw4FKhnySlHT3lWKo3LV5\\f3q5Upu59fP3+T5fa5hTmF46BudTnNs1JqiHnZXJoAsuwp39HYX79h\\N3Pwsoam4O1FIzkWzoSJ8LBIr5irqqybnkxIN\\57w3MgQe8vPFA6k5LDR7L9amki8O5Zv1zc15\\tEulLzZ7w\\QtpKnv0pFBcexJ3ZKWSfnHzqYXZVXnXN9viYXlFqzt1TyRUqjtkBqy6Y2I7UZ\\xq\\L7\\8MvDZZ4Evp+5+fPP+o3e7BgZazeNizpOf6MUjlENn8TqHer4nowUN9LZwKiR6fnvqs3o2+PjLL\\NfUtnlv2zO1xIu+CsVfwCXv4RJArffC+kdPo+rAToIBHCeiuxLIhRP3l8ZQmDEymdw7UsVRZ7ikJgkZhWrvjOQB7756FAe0Xyv4qZgzYRrBVwFCGmGu0InUJKQg8CXlfz3xAQiohB5zS4OtgP5QP57yZWmfF6y9GVeMsfJc4lIqeTzOqtfCntI5Ev\\ECIisWvGDZRVVYYqRiF9QiKUvKNcuOhx8PNn4ObK3Y+vX34XPlz7MIGdOo5t12uF89xHtqxiSwtl8crkspC3QU9t4LsT5jd\\OD\\1s8baX6\\h8s96lCd94j9IdjNhnhclAwVE1ShTeSXutM1zlKwRjpDTQREaKCfV3Xl1KS9RBBhEpU55pVHNzn0UXLjLqw1CVPJsAyqi4nyS+cJpv5+v6vi8qugfolw4+pcXjuoSDGhTQjdSdgJeTVd7hHmd2ePSyuvsCy8BJ1TetZ+KfgY\\Af\\5e9+RbUcFHTRlNfTD++HUgmAyLy0t+UZTONq8TFCV5tyWdUTEq+cndcD83Xeg5w0w1zwKiARCXmxiXuxiswfzOjPmzbKCUCPKdp2O\\QrzZo25lI+IjSM7cl0YkPIJsMg1wLyZQfUX87zFn7\\oyG7AL0agudkDpRZD0nPBXO5lxF1YpHoKuGbQSVQkRl07gHnAK6IeMRMh9NSXHsz9gZ9\\Dvg\\+0ww7woGR9o05m0vwNxUS0t2qCUGaGreCK8OVaUVJqrOBL0a80u\\3CQ99zfQc0GdS0xBIeqs2BXMa0pDZySvCkrJiQDtrfI15vlmtwZ3Y3ZKSALy9fwBPQ9oiVDCyTW2n6U00CyYIzN+P2eq2cGx1jnAvdseyVUuRnPew6oSOQ2PwjyvzZobnxfz2lRUjsSCNedrBEh5Fn7mlTD\\2f8ymOsp3CyZhJgaa+SvR+jxrCzgy+vB0VNVox5zIVVGrg+l9CsgNo+NLpey6Jq\\2Qum\\pefwlsERuyYgC+Y5ymwxjzQrAx9sxNU64kDlZRbXgopypgHXA+RfTYtpqT0XKOQS8flSVmT+tQjncwI2Xav\\mupdVFq1voY0KnrU2zrHWOiMK9zhD1+UrOW6pqzWteYfv7ZX\\QDc\\hwx8Tcmd7KktVDuD730RLCps0TUpNjR7W7V8\\\\4cXc72LvVXYPkio\\yCtj7jjPftc6sjWlAyrogLeuUIWDb7EWc6dBEGDPwe9vrk\\bMRhMUXHIHfsCLYduV6jkCHPY8aKftnnExJVRUUB303KKHJh7uAPDfjdaBxi\\kl23SCgdTs7NVtHBPFDX5HDqSqXTdRxoxItFxrz4Mnou\\TB2RJaC47Y4OXPktUWqEZnjLMIPW0yzDvOiIhIzL\\QaxmZvK0pOMWxOjvyeismj9jXC3OxuoghcW\\r+GlPnKRFVtagdjXneU\\0QwZQz5vpM0c\\mvkhVO2NfLAY05jVVGGNe21jk7HjEsIaj5oAXfW\\+ipV8jWDXRulFWCXg6jex56fi978s5mG1cq0ZVisc2hZ1xdgw7cBc1jiUJdPDDubv\\oN9OH\\RIQ13wGnH5lmupcpxS4Iwd4495eb3Qui4hEqA9LHCPFBn3\\Sf2IlAvrkWfGcPmPv1CfYaAlE\\205VcH5pLeBY3Ejc4i+Koqv4dWx+wtxf78YckDxd4bpOIR80N3scIWaKs9gcOIz8Ws9VGbuQq7IvRovRl6vPnXXfbHlm7jN48UNfRI2TMdnu0woqoXCX6PlfHT2PRqMu6IqBdABM+OUq64rLJsOm5cDxBvwcjm5ECJzgWArRot8tZQrkYO6alICfkigU\\AGKIhotFCgs7o4WikUcSLn7+RetNKtAXOciCah1MYpfOl3g9KKxOP4KhQAzROBQVODLY4+F3aEis6RzlS74i\\hFmdjyMRs4wdui38kjsZb2O+LgCmJzs07FK6d+bzPiINxUxFxY0egV7oc7JuZ63Tdy48hf83UYHYJ9tcOuXU+BMOf2+T+oH+58UeUxqtOHtdwuRoe28lHqMUN7ZnutEm12OXWzWOsIFJuhN\\ntbQC+tQbDCl2tbA9tN8tV54\\gqQmL3eLWdnNhbQvtrUo6n6fuUhjeYnN8eyuAg0qa4lDxpMla+\\3SnibBIuyH1irNxe21aKGyvR0HCxX\\9na+WNlCbEPUbG\\2r62lSRiBVcARUf9QVDHFx9sIg\\AUjDjID8FtiQ5V\\FFwUUBdAVndRr1RKfoRX3RtLR\\FhiUJpdUsGsDmBDxBQqKBQgGKgzvigXQ87S\\GIb+BYtzfHI03a\\Hxi8KJjBWiBa3nIyOm0QhzmayQmmXknNPq7LQ0GK9W3kFLIpEzZ9s2LTDB0\\MegjnSK0Q1gYP0k83ifmCrurFR3LIqa9W1teUn25Q5bQVY10Tsi14fIL0VWUs\\3tjfLO7ubyCOytZeZcO31+wqjN\\BXAyIDhl\\svGkuLmxv5veXM7vbW4tL29l96rbuc2N3bW95Y01UViNOTNCNp1Kyc\\O5e7+LsLv7sa29je21jaW97Y3drfx29ge2gjE954ggf3HrO2urhYZ86Jf1wn+x8v7Q3vLm0P7+8jy8tbabnF3I7e37N\\a2N8vbvr8e5vb+4Hi8pPc9n4lt7XxeKgIm8CmqRglppTv2oySigbSa5vpbcQU31zL7xX39veKa7uBtc340JO1MVxCQFfHCYECw5B+EeY8YJ2foliEaoTWz6DGGvnstKwEPTBnQ66Xy\\IsilWPeYHIwbyA8nlczW88ji9vbQ1v7g2vbYX34BBF3Vq\\WKgEtF3QFork+vH+3tTj\\f3NteXo2v7QbmXzSXZtI130+At8HzAXt0WXfXptI5+OLq+lN9a2rL29vezjvWx+d3+zsLGV9UefbI1xsKi4mWlKm+DzE9fc+1Is7m9ubG9sFTbWNncfP76yuZ9dW94sPnky9fjx9nJzdu9JZTlf2RhCBRItKpeJt0MFv5e7je3s7v5aZXkzGtt8klvbiO4uD+0vB\\Y3pza2tqzHj5Gx9Nr+7tD2RmVss7qNuGAnuBgKFbBGjgOEsDlAtUpuc9+\\Aen1725VlqP7jyGKw3tb+1Ob1cdTe\\tRrivEvBLeDEDhKMzVQliyjERV+mF4DRGCnldsNqqMuSFPVGswb9OY3\\wTYZ5GTShEmMegdMuVja0rYHljY3d5bSuyWYkXo\\5oDebe0iJAoumh5f3lwuP93cdrG1MVYO7ffDK1vR8v1tyIBPL5aM0pf2xtI5cLbAxlgdnjJ8tbU4B9bRnKtb82FS0+2co1kw6oxAnzKFlPOsdGGdK2u7zn31\\LQkGrG\\mpzd3s9vKTIaBPaKfH9oB8vFAdKqSLbh1GLlOl4M1CfGMoB8xjQ\\uA5fEUxBXm48luZWPtyv7m5t7u8tb2RvTxxvJWZSM6VtxaXssG\\BIb6hRy0VAGcCkgjpDz7OaT7Y3c1PL247XofvHJ8n5068n+48fZ3d39wuaTK\\FAoai1m4gRSEfTuj5vbNtNse7GMD0eZ8RRpVe5p43a5B0+1nPTkhvDhtEI83N\\eng+zaTSBQvxJ5vx5cCmub+c33yysbu\\tWbvkYqkdbWDrOXBMmWXKwON+d7+2sba443dx\\H9x7vI3ZPdPaAZ53tUUL4PiuBYFfYeC8X93c3o3v6T\\fTe5tDwZnZvb+rJk+3l7c2NvbXck604KWhBlKIYJ5Uiry\\NaaOAo7HmjbUxSNuTjfje3uZjwnxtP4ff4421oeru9uZu\\Mnu7hOOhUWlqOKqpIse3oob21MAdmiTMH\\CmG8ub+4GYMY3\\I\\3hoaB+dDy1t4+BGprbW9jKwbOoxJ+CJWdVljYnmh0bHO3SHoeffJ4a6Owv7sPDVgbflzxPYb53FhDymml3VL0GvPbh2Oupx4e5haaHablz2TpN36SRj0zBq10KfMT176m6GD+V+i5xlyAp6TT2\\DhovG1vaGsPIPOb23B9KbZnxa0gHlaewFSHdFvqHJlaLuyuVXM5fEXa97aKsKfitZQQQf2+BDRQLwZAaJbMCdDlbG1odxQJT0UyG5XClubAbDDt7NPDooB84DYdVIrxAfO1lDk\\q3NocJQc3Q7uj0E162Yjq3tbUfhGW5XttNFJJBmnAtOyuloJV3D2zaMyNZacXMzEK8M5cD6dn4bbmyaGRuKrVUC283b2eI26uWhymM4hYgymmYBGgoQZMAdpUgmHnoOwdvdXYvl8ZfdHAIbm9nHW2tbU1tb208eb8eiBQdzKvc4AsYLsaMwp+qcnpdxH1skQs9QhtUwSFJ0Q60PpY260QDz6z9cmUrHFWncc2l8i9lsrjiWThdxNJYt+GOBmLb\\MAV5f1xVCNo4YScHW4DMZrPFtD+Hw+wYFCuub1E\\ChxgoS5oQsnFs1mkO5YuxpAw0owWcml\\PJrOZYvRHNVzaSkbULxCNjSWRpUINlFa5FzGULMWYrD16VgcMaG6oHZbNotw2VgsjivZbLzIXKajUncWCPO4zhHrWg4mIxsHHzGkjDTiOYTMIewY8VPMRmOxQgxNQhRIOk0cp4tiG+HDFeOQP2rvxdMxVFdj2zD9FNQfj+MvBjwLMf9YjMq3EEeGC7Go6DeTlH4sfffhizEncEmfbbS7q9LdwtOM8zISaLAZkAblrxtSo9eOcGfMoecokhhBHlNJx1l9clQSKOgooRONAw2NLU4I5g5oSlioMYJaMe7n1iZyHye9irEYOxUIsp4PsFCnJaCybEU2Mmmyb4W0P0ZJRhE+DnYAZoFFTDCHSqVJpYA88cx1A3yNWAxF7y\\EaYfqIQQoFjjiOOcBRY2dOO\\iS9EDc8UW\\1i0EB4X0EqHVKWjgktRzAltOCxZijhJIQFNvEQLeTApNTuYooowTSUUp1yiGFAUuLGYK6p6m4oZsCuwufABQToWi13RfTJBwlxGuHueo7HPRsu3mvzMlJelNkzDokUPaaCzQWJgNlxHpDXYduFCm2B+JSaQc8K8R2VcSLMI4BeTcomrnxzki2lXSDWeZC5zpGxUtMUim44i11eUdf5Rycaaoc1SkaS1cUlLQRT0+QOkLAKKNz6EmAtcvJSAqpsRmtuZuRzykC5o48MJKKmMF5wKTChWzOdcTXPAUNzIjWKQaljxCCwFIDVP38hHpaqBCwwikYvrdAtKWpVeF6JSjqrI6ZeLccnHGHMeGxU+a4bNUGtrK73Kwl64Zak1kOCvU0Udob4XlgFLlsAzjQj3w3XYjeabaAu2tnatX7hA9fkPD6\\cyCk9z1GB0S4Ahz6M0UGMDkQm0nKRuM3lozGnSuAyiFHesYmJHaBcc0aovop7bsU3F0B94Tmn4tD\\6fTB0\\ItcFUcrxRiOdIyKTIyLMwfl3NMSamGyRNJPF67QTBg7ihZTAGR1hsvEy53KrvuAWU7ls1V0MaNE9jAPJeLE7Bunh1tERlgcLlwhQgAhInlxnI55beHmtpDgrmeEoS9NG6R+TqwoR44X4TMuZh4Gg\\ni9hGREY4168pgboCmLcR5jdv\\vDheaSkaWwMB7Fs+kascOf81L27qBXjF7X6C4u8zX1dyMVqiDQidhf1FWtLjERlLIdckHJpC6JkJheI5pxsq1hj8bhjbZykHFIpR8n4wIcroHAgcpBJ7CBZsJ2jijkO3omNXCytEpU0PdHURJ6L5sfStZec5L12z3POw43sU7IotfQQlICKASzmiD3iJuZmMh4\\NHN0uyr9O3fHavQ8JJhTVQ0cIzQUhrCuwkX3UWdrhHrTgTmZeGqm27TkY+PF2VnPu1Kw7TevQ88v5m54MAfFYnfu3rv9w\\\\+cO\\2XWQjXgcvaOxrtgLC8l3OKzKLkLqpT9JMmN\\JiV6JyZCyHQtExzhgzomiEcS1BcNpAF2FOeKOE+zZMZwlQaXCzubEJclJ0dfEm3OTU+eR28KX2bg3hZhGJHcwy96YXE6RHgtgoZKORVmJiRuwFUt7Y47X5sTDk1a0GzcuEuZ3PmmEOaNm+3hsG\\W3RahvlTSexzf7fKa8pUZvM1i2bTWaSejChYGmEbiG1A9X\\OTKRdCNsTtEDDm2APu3X3755bcfPrx3544jh0oksHOjOZ11rYNowNgdkm4WdbH2WWjzjRs3gDlbrdwY53IsN\\V9VBJyyGNn+Fd3lTEgN+PGDYCaG0KL4Abvxm9kb6AQx+4gbfBNXnHsBukbbYWoNB26I5sxSWbsTuH7OzHOTi6mc4K09N05Jwp1kbkXdgX6uKRDma0UVLVAkp9DSQLnsRvyydV+iDhWcMJ83L0rXN4hzG\\LWOdWk9pWNBaObLvB67dGeEVLmypym1c39FE7vUqPzn3U\\8btOLPx\\FGM+chI17vA\\E+MOQM9hlYW5enu3du3f\\jnL\\8P9M+\\Af07jMnFiw7oYO\\LQvZGThfHDeQPpZ8jcG8w0FyOjDlOQ\\FUIXOR5aaa0fjJekTIU7kg0rEbGmuNDZUHiRVaj6gZsvkiUs5mSZjwz7BnmXWudW6QoxGLafHJqegd6XKEbAwt0O+zuHojdxEMZ8cUsBc1FLkGIjkmwkCcXrxBJiWbJY2+cSNfyCkpAWPQ2DvgI6cQryMnOir3sbGLhPnFesyDJrWtFObw3WxZvJO8OFThVcKcsAf6MgDKltFxh84V1hZuEsx\\OXcTmN9RdFHRnQ9\\+O3\\afqfH27fmyLU1UXBPAs9r8nFjakpYJADFLFYdmoqewcgTGVJigiomMiMxJDL\\hzNyp7866hzF\\k254Q+z+UBT+cOkgCmU9\\Dxt9A7NDO7NSNO9lcOifJpOMcjL1RbGNOBC7lvOey0eapF133sKD5yGaVoRjjfI2BDcI2eyMfpwwL5S7qbF\\MSpS5XANeaohKBHLrYD4S7Gqjt5FDrOcysJU7XuDKRairPWzSC2mowrnRZvPa3Iy52WhNsLauEcI83Mb97Z88nBLIBQcAdvtv\\\\zn\\2j65z9\\+9P5qakxxZmmQDp78QbvkbyLokG+wTopnxCKAOjjyxhkdc4uTgUKU7SXdfI75uZbnUVwT3ncIOvBxYvSzeZhWW9QzLk4zqEqj3NpX4xz+lJ4XsSYGTcyz27h5yn3LsizN1GHE8+JbNZTBrArOcpdjqT8RiXOZcFJ0VniLB676Em6NnJPnFkdN31rMIeeh1LUWKO3UkxDd7dHCGUrTM\\OTcOI8OBWSyYJO1zP2+jtpYHUpX9cP\\enTz6BEYbXcREO+sWLd+\\d++E3F3FG\\X+3i+enINLaMAKhbMHR4WMAAAmJSURBVL6QjSuuufLOEefw0cmfzmbJFcoBopzKDNVt2YsU\\iIllS9S7nLZi2P11brSLpKBMdIOsc9Q3UIaEaGivhi7eLGSFo2euogEyIVA+ZOOkGPIobJsji460SOOGqi1wcr6A1PIPD5Zsu1jY1NZ0WDFNkdyUey5tsl0Ocu55iYI7ccKaNoMgUHua8sSA1kOT5X7xZzrnZCg0L9zjM8YCTxklc0sQgLzm5ff7WoJjvS2obEWNlOhs8MCua6raagE+3G2OWxwm03646wXzQNJmIPClx7dvw\\bPjV15coV+mHv4e0ffvvtb7X022\\bdx\\yu6RXhLATm7py\\sr5K\\IOKP3pfTqUk+qYA8h1CXzlytgURXGeY5Jo9cuZTvx8n0MS\\3kVW0xHq95AxYauXnk45SbjMush5y1QJ96xh8wHTj2U7fkrV+pD1nHF77062Xa4KDjZPj8lXD2syXZ9jE62pew1W+cf3v7u+jvvdhnB4S561wgwnz3LfS7S0y5jm+GxwdazmaexURABGjxhvBjzEE3INnLpr8D84flPPvnk4cOHn9AXe7dvf3iAHtJ1vkvRJwjEZ+jN4k8+OS+bTx5e4Z2H590NX6DzTgSfMPHGE+En5698oq49rKFPWNz4Am8f0uaKikSiv6KSl1RVQp94yJOuNwWK7KHwoo40Zw\\dEMKCG1xl+8pDJ3kwSDxKMdA\\oyr8XTmYIU9U3rIAIc7ztz\\8+Nwv73Y1BYfX22i2RtTnQdLjiKUfiVv8Hho76pa8ywBXvipO3Ivm+KXZaUIjl965fP\\uh7eJPvyQf\\w9jOTSbY9Q3L5977Zs7tWG45vonLrCSdz+UKXEJz6sEa7bHzZK+vZtNxHZU1E5bPDuPXptm9LT+TgsA4o8iepj+t1ThXD7BRmXjN3TjNXmW2WP+JArnPsG8R3gQ4ejo4\\v\\++ltvZhkzBvD6XC1BAHxmh2c5Ut88Wws65eS6SHKxHbeuEcv6GmJnr5re3SpX9cvvndnz8m+u7jP\\\\5O9n\\7mNFf\\6z3qk5Lbv4fQeim74Twi6F+LMT7Lvv9J+zOZS++\\jQG5ygf5YkOc2PnfTo3NHxH4f+fIx7VFbdfQ6nss3Z\\\\jjl2DFE5lO\\7tz7\\\\9ktE0jAo9lWoyUvRIReb+IhfOssVJp2dr5LXzC0vqsbr5YsxHRoB517s\\vfP+ues3NdFMNtdxSGeuu6fl+Oa5m86p6whE910\\R5P6XL\\OgXAHHXlm07nJF\\T\\TW+EEkbtU+R097mbDYjufB9cXtdR4t7L5yQ+7HAi9+\\fF851gOsO33UxXXevqjOSU8rcOcRy\\7o3855CkHJBKkjr\\nWaoeicBL5+U\\JNTIKfy8SqJ6na9Nz8S+Lnrp+Twrx+8\\59iR8n7\\\\1vWGaCQR63hSy5nw+S4avW+Kx2RY\\a4E5l9nAatpmh2I+MDDSFQ6FR7q6Hv398n2adefy5Xd++eWd9+\\THDf38S9T3TiT21y+\\84v79x3D9VMOBDS9\\XsN2oOnLpwErju+DLPnnPZnTznfaT+zuXvLh9GSIWZ+k5NXURHFK+egEcx9\\7llyc9sxD27r\\zjkR0v\\Gt9\\WcXu+8ozhysv3d+3pfTR\\kyVzjZHW+QZQzSvw+c3Lu3N8fXbpEs7+0rcO223PAOihvJkR0\\U2TN5vkr9t6yihn7e7DMW8f4cafuX7p0qNHn\\7lL3\\59NNH777706NPP\\0Uu5\\SGSK5gt8jXH2kLziX\\wriQ975VE4Q6duc8OpPxf4px6z2hR4h7b\\oeL0XJHY+p2P\\q2ZBEsYtP4E7SVD9XPZryHNCs\\QXnSyyRzMJvvvICe0NLjwyPUKJ\\fUvj1R2NYeyr\\N9IOU6PnRxfErTFkrO370k20\\\\8lPXe700a9TZcGqgfa7aAfXmRyuw5fzknKduNqW9Rs66Z9DbC3w4d+wFTTN66RXo3UuX3gO\\7\\E+SYScxS7KhC5eOil6791HP1HMktAjjt1lQ\\PwZoiSeq9arfKOm+1LPx1g7HUIkNCIFup9C9kdPpMhlXcW5H0kQ8a52U4D7VXW5uAJZl+C1nt71yPV6vp6ZH19HSnzrLH0W0dDEeex23ViRInIznrVJ4m516rVyAkmdRT1diGDPsq27CgmqCwk2ydD7tRfgFqaYOy7iV7L7Oz0ulJHR+Q1MD9AIzUfL9Fc+L0msom8r9OcJdWqud7CsyObXeY6o4Iw5kjb8T+Hpk8rK1jrKq51emyIdmgXc0F\\OAXPta3tKP5fOX31adGz\\5MPbSPLEfDiW2+RNSBGWroi1Emy3vvq6dWSO92bZcqsbzI8RvXMqIFx1EAzX3kNnoOJ1nxcvNW2haqSFvqnx3mm0WK1waeIhHmWgw7qIGp7mU\\bYem3hFHU4TYD5c3vaUToiVLEMlsUKy3m+rrFiLyQ\\1dO37kOEWtp4bGHEdOElJP7ZOJMS4sdiZjDvayEtmm+anqHYK5fYpC3T3n8m2VI9U3DHG3rYJv81dddCtV86l+M4\\lpkPgc590YNg3LQkn4QmHDnvNJz3\\IDIWP+zk0fRWLknMfD\\zqmHOEW9ophnEU\\6+cvnudW8Y09og7vdSjS9tAS6pjzpJ5e0gJiWfjFdI77P1ymf7HpLHNlmqSy6S9lG+nkXYimIfqyDvWVlxIIB0CvtgJYRuh2maO3p+Y61CuBtCi7\\Ho8PRNioPmyJnj9y+Rlhd0BfyR\\L96+u51mbNFZmjCDmV7LsRVKlzoOVbCOXALNXz59F6EucVCRimblpqVXXAwTnZ9tUN5pAd2Jg24nCOx883RG6\\Eydycbw66HZmbmyNUfCeFuSmYm4R4iEqTOyd8luu6GMfh\\3Uxp9FGVLfQ3A3Cgc2GZ44fd\\GzbZu03wK3J4m5mkYClZoxTB2vtmcqfiP8ZjCnsVYGjdgg8e6o2ry15qosA6SDvkjIoKE7Nuf8tTFnyGFAfTxDcYh7m+eon5lcG1N3Q5j\\csx5UmwpcPZXSKUJc2Q7RObdRypALemTxpymAYNdd14+lolCNOZmg\\ERJ7aOIvuPiF58CDV5iU2DLzsiPESnI0ITl8hrM7jMmJwg+WQgGNk6nlChg2dCegPLRBrKlaBXwtjERiLkxFG2w4R5RGCgvjCa8eGkk6dnKrbHOTf5iZptvIm1M\\lxPSSOfRiZS5ae7RmEOdjgZ\\Y+n5ZAy7ask123U89VLI+QZK6M2u6nfxHkpkVNIvUWoPR\\2vJ2f0StfxHhbPPkm5b1r2HBE62T+UPp\\wPdniKzUglxJAAAAABJRU5ErkJggg==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27" name="图片 32" descr="IMG_28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7" name="图片 32" descr="IMG_287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AppData\\Local\\Temp\\enhtmlclip\\QQ图片20180802184659.png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2581275" cy="3714750"/>
            <wp:effectExtent l="0" t="0" r="9525" b="0"/>
            <wp:docPr id="22" name="图片 33" descr="IMG_28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图片 33" descr="IMG_288"/>
                    <pic:cNvPicPr>
                      <a:picLocks noChangeAspect="1"/>
                    </pic:cNvPicPr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2581275" cy="371475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Documents\\data:image\\png;base64,iVBORw0KGgoAAAANSUhEUgAAAQ8AAAGGCAMAAABSTvQcAAAAAXNSR0IArs4c6QAAAitQTFRF+\\v7n5+LtbWhubejn52Js7GdpaOPvbunu7unu7mlr6+bqaeTra2Zq6mVo6OPq6uXt7WhoaGNnZ2JqamVm5qGnZuHoZ+Lp6eTp6WRrauXr62Zo6GNtbOf6+XZsa+bpaWRoRgms7Of7efcubmlmxckmZmF6eTXt7ejl5eDAWlBLTqv39jKAAAAlpSBpxgolRYjAV06LDiqAWM9B29I4NrOMT61sbGdjhUhxiM3BWVAAlg4KTKYFUgv6OHVNkO3JoJdiYh2mZeDFXlSMCl62dHE3NbILDaix8O0LzuxkpF+1s\\B5t7SB2pEux4xAQECQUy608y\\29vbDHVMPEm3S0pEdhEaSFO7jox6hjI1CVE1S2VQtBwvLDCRqhornZuJjo98HFQ7z7214t3RG4FYMT+wrxstGjskOzeTTENvrRgqhYRzvbqov6yjw7SrubynTVe\\0sa8TUR9hRQe3CQ8nRwrvLu1iElI6unnu6acvyA0V5uAJjSj\\\\\\\\s7CjrJWH9fX0p6KfBoxYw7yulig1tpyPtmRrOD6gH2RGvbulOEzYv7mnPVPvrq2im5eWa3FpqkFOkpWIx36GNETIW2Ckpa+cG5dmP4NoMHJXrKekREusmE1RpYJ4nqWWp7WjTEyeEBAPi5XKKispMiyFTWDlenaKdYHHXWi7paqVl6KOsLSeb3ize62ajouTm5mKfbqjz5War6SXPjR3daKPn6nZsJ6VV1NPsr3lmqPIUjpCGSJOhwAAIABJREFUeNrtnYtDE9fy+G8gUFFE3ioQBCIPSUHRgMUaRZsYSGhNqxX7EAzitxUSTS30Ulq8NFzAtvIqLRT1+mirbX3Xavv7834zcx57Ng8UEtBGBwi7m83Zcz6ZmTN79uzOv95+Kar8698LSjdIEwh71UnbQtKxMrJgHdp01dVaAhK9wU\\gsQAArTqsbi3PXhagpf8uF+DxnwVFNFd+42F1qKmB30hStdwS+bA1WKcFQBGd6A1+Ag9ZXggDXcNr9u2r2Yft3wfC\\+3j\\8qrynPL8ZckNzdXruIiLeTl0htPI+VS9u3bpz9aVFhajTU8C\\BYWFpYOYyHKLoKdQIOSYfBCuXmwl\\5PtZk3lKQPPjNK88Tkg0ilvIU0a0sSoiQDhR+A\\QaWY1aeHv+tVThxbSVozdqA2fUUdUBIDraOxAJ0hDs+SsdHhhUwWI53wfWcFsuvOyrAm7IoxxWykGzcmFLbtW+bOPTSbaQKIAYHg4mVHE0LrHxaGkyXOizdjq7++x949ngpbunBoFM3+CFC4Oujsvdd++2DRmmmi43DRkMTe1VHelVeVV3BwdbWgbN6zsqk8o7WsoHLwDUHHNV1fqOuxlVxryatobKlo6c03c72i+0dGzMf2ogOi4RNUZoy7LxAGvx9HVfvgwImoasdk\\36dOuQJ+zra8vEBh0NjknPD8O9V0YH3JNWadONzk2mQdr8qouDAbMU667U3cdsD07YDCb2wKVGS1DnS2XB6uMVe32oU1NQbPBMmUumzL8O6cK2mh4gkTUk3B10VzNvhDXEi8ebVP2yxN9d9s6nBem+oaGmvqmAkMXLkwNjjv7Lvd1O8c9g\\apC0MBZ98g6EzA7GyputsCrKYuO4ZaLpzu7psaHGob7\\uxD2xt0Nl3Iaeqvca5vmNqytPRHRjvsw\\1VfxWbliUhJNRedBLqNvVEYmNR9OgY6g70NEEGgE8pqacF96+4Jwav9Ad6OsbanK+fdlRCYpzoc\\RNOWxj3dewM65b9DRPTjU3d033gZ2drn7xx\\7Kpta2k5PORwAtsUz1dYxHmjqcEw5x9++4JjKzn+yRFEVDiWUh6Ygqo7ExX80TQ1ewC\\T6XRYpwY72pra7OBDhpyDg4OOKYDUEphqyXC0mQdbppxDU56amsD6jr4OT\\tg8EKNM+hMb0oPBJ0tdx09q5uCLT86WpzOlkG7eVNHIOjZNNXX5MwOtBiyFpKobMLNR2c2iobokcToPzKmLgz2gX9sSjcMpUPPMoWq\\2vlr0NgAzV3W1qqaiDMaKmqgsPX4L\\2qpq7Ne1VVXfba+7erQLzaDfU5FblZpXXtN+Fbdntd6vaDVC1LNj3LnRB7XlZhQtJBDJ6XcnO1pgormR5eJBHBRvA4AMsASOPKmheDQtG6IvIM0I1cvNYhQwGfBXfXLvBkAVbQAEM6DHz4cdoyM8H95kPW\\Nxi8GYvzCPUCqSi8qDH0\\f28h+Jk48QqI+6tYp2sLmyygr2yhUF5onRdSdtSYjTCJsWlBCwKjGAwc2sjqEuFYeC6tE4smDTAJ5CBp5eezLYTwYDVZX4rAgj0VLRHVRjYd4QGzDzsfbINqLNw95WsZPFcSZRh7Tj2wjWIdR6ochTCs0Eqmpkdq3CBqpkbgIPRE8sve18VN6kqYaxavGmQc7Ncglzy3OPEgnjPBPZyURFSI1ZomoMQREGI8ht627SeXR3d1WxaMznQuJKw\\tRIzZCFcMrhthasFlE0osODZFIsN0BP7o+OW60R8uNeE8quLDo7xcUw2ikc1cB4jORqQhKCSYqMuLELUYhQm+qM6kRqGhEOmII48QGrpzd+pXGY98DYd0DDrFELJhSRIOR\\LIYPgLVRxidFMAacnjQKQXiT8PaSkG0ZdoHiMVqxqZwfolSUQ4eAjkUkgdd2FhbtgIr2oyy8NDEMmWJ6MhmkE4NmlasXQGC7JR1EUc1dAWAYdAUhVyuhsbD+FKJY9seXKer\\kMzUw4CvwGl4+HgEK2AwcGawEiti9D5G3Wy+Rp53dx5KFYSziPVNVMRKWxBWviKgwKt0JhOqgebcjjyzARCrKMPLKzxehNvnbioetMNHehNiUnBglBovclcNwWwUNvMoJHW\\x4RNAOg1F2K0qHQkQ26R3nmhxOIi48cvRKIj1samohv8zy5ZdtITy4C9HGnBFJvHkYDAYZfmlxl1AN1UjUNq2NQSLQkf4Ejtqu47G+8z\\\\6VyPQCSPmnjy4JdOcoW16DoWjkNzHDqfQRhihaEgWas3H6ElVR0KDyfzHE7Go0kxmJh57NPiUs5D70kzuOOQDp8ZiqbccSERWVE0HVm\\voZfeAMebTlf\\stZU+P815frhT\\BnpcPNMeThxp55EfgsUFTjnArWRezRLAcCaRF4fE2aQZoSeey8tD1LKJfIR6hlpKzRkMhW7MRRfxfnPBP6cCEOJIOhcd\\vqxCCDVf\\kfh0a3y2BcLj3LlrJaf0bKOhTSD4lEwlQ0bqF6yG+B6wUjoeKSnL4ZFOuyufHrdRk1TckSvtYZ40Jgm54HX84nH22+LUFUZQFxeHqmbNB6apQgakRqYvjge6RH0RWc4cOQWhUfnl862Nm4v2gnesvGgMWDJI5WZCvFQ3MZa1UqoVQUF6UwKUNhS+pNFfoz2VpFwRWFEahQe6E+rqqCTWbccPNSeVqccjIc8ZVuj0w3SbPgnYRTEhUc6Mx9VTdghc\\nsji+\\BCq8v\\2yokWLzDq0GQErzUNYClcPyUAnq1fzfwuL+hEBRm827JhZKo+2HIjH3l739pf\\1oDUxJcHADG2ZxtxEGhhHlrXSixC1IK3S9e8J+lHQQgXpjTSZpgnWd+i8mATpDqsEgiYC7sOESuPXGU4vd2I15X44GAhG+lgJ\\bUz64X5qI5Dqh3QfpqatfqguLi\\v7+\\6L0PygGgS0F8Lv6aUSFVyDNRu18qwSPtg45YazN8WWQ82hj12XEhf\\YeDCw2VI9xOmsNtyjV410xCGqD61hJC6NXLw4yeTixZFL5\\7r6+9HLEyKFxQyrQKdCUnTYVA2sWld2rgHImm7IAym3GhsB+FzZspj55FnPMflv+Hy6FH\\QvLf6ZHPjp7dubn2gzdBPn\\zzQ9OlWzdefboxXP\\lfv4FpT+J8s5msxlEjw6dXMhL53TSwz+gxtM22dLlKNH33333bNnd+7cWlJ78s3PXwNBHpu37tx59uy77x49+lmc5OgCErpvrDzK8y69u0Q5exZh7Ny6dXPJsZMfIJDP3\\zgWG3JVgCyE9989xlIzDxyz332LjZr8XKWyc6tm2tPEQ7kcRJ47Iy3RCUbXvEY+5dy8EKXWLmyGVuZyAWdRKjt1pJjDAcBYQajvq3\\tCwianm6D7P9ogA5C5\\Xlxcrj1xjXva5o1Bw5NYvIFqVN5eAerz22qefIhBQkM1bt0ZiscjiQ1bPvsvVERbe5aa4M8L+MfLASQ3nLiLopdSZ82De9FMEAgrCHMjWp8GxeREHOxsmEXdbMg8+bAo8jJcQ9WaSrfTDF\\jSVvGeXGArQrB3IRwIBDxqifIm31t8bKtcoSI2KwWGylZRh61iLYyGrIpYgN9YeSCSS2gwmxcpWpPRfUgen39wqlZ7c3NcBc1GuPBoEiMP+Gs3GtFgNpcskQhzH58KHm+eqpUK8vRllWgSG7MY\\Ic2TngJPFQvVaRXqRdWraRkp6gtvPaW9PKtVG3e5JKTEJp+yoGgfpQIc8A36eO9vbwEtsoWZOtLQniI4rXP15aIPTb3LgizJC48sIfZzCscSaBWWzmpXrGb8CjgP05+MIksRuDvzdc+OHashLw9KbVSwmbRUFpj9Ht7Ix0SSGjfCbS\\l3bFY28ukd9NFIkHD4NxBAwmMonNtfDt9NbWgtfE6pewekkem7cOT5acmpyeHvl0BGRyenJkGk7rdu5k369WUG0tfLS3F\\+VsBe+NUSofDxOCfih3hJxvFrSsF7+sQUkdh4g+aAgO3vDC+8d7h3eCX\\DvbXDvSU7h4d37hzeqpk5+fTJ+721k\\fvT46MfDoJPD6YHLk4cv\\+9DDZkr4wkN7e4cnezb1Q6DEqNvyQW3GnY8M7kR4ecesxQjI8CfU4O9xbssw8+BTCz5jBhFZuevLi\\Yv4tQ+P0O\\9kRHxFXEeO6enJ48BCHjn0xHGo3fnyMXJXr1l9\\ZunZ6+\\99pKA3Ku+gdGRkGnRoJM5feyemL00dB06ahRFy+j3tODl8ExRsZgZWollIbJx40Upg1Ap2Y1Oxaoca90yPA4\\5OqNHI\\YvTI8BjMoTH8MglMJD701TfydewIb29I5O8R9Sspbf34jSUdfHi9PDR6YveSyPDUOJOtSUM2\\TFo8OfTR+FfUbOAYrh6YvDk9P3h+8fBXU6On10uDbcxFiNa6EceImRB7mPfIMBQpCdavmCx8WjwGMY9YS+KWjQsKg\\AekdGTk6Mjk8OcnjjzcnAUfv\\REezMnKwmdAv\\zTR0HVoI3ec8hjelhpHNuLeExCu4HH0enpXtKNi1SHXtAdsDCdKNrBtyyZhzbhg\\HQHKqqHxcn0TOMoArfJx2eZjxqRaAAn+s9dvLz17T+9uSxkqPDvaI\\0eqOpgBf+AiUBw2cnpwemZ5W\\AHfafj+JNkL2ugk8TgJVjMCyjUCBUxuLlkBHuA\\Lr6rMxc6EtYOXSB4uJ2orcMkvfw9Hkps7YWTfYkDNQQCkN7NovfmZfG2QqeNRW4VhYH6i15GHBaPhjtsHT6KThw8+jF06OBZh6GAXomjRGGiEooLD+hfzm6tjSAS0aljtbXHak9Rj1crNGgzhQO1p2S4zhWktraE+46QSpdAGVQC63lh9VTYIeHtU6ewdABdcgxXhY0co089QeLCAwNUODY\\bO2xY3z5GNQMW3+qRKsVvA\\tOEYKwnTg2Mkn89C+z1PIlo4BIcYx3HyM1uig9Mr8F1JhXwMEeGI3XoqsH6vpMbEQDx7Y3Z777OzOY9EFj6hVQFSfPDpWEM\\2NXshg6nldqArBeie4jzgBWlzMGGHo434LnzkWC0DhXU4pbHTFawsxM4jPz8fvWkUFiePnTx1DP9OilV6lZigwvJsTjiQkyq+kySnTp6kRV4CFcfWdMeiVzoeOxDywJeT4uhaNU6ePHkyQn1j5WEAHuhNa3nFn1rY4eErP\\nB568pQGgQ9ZRo4YpLjDygb4Fo\\bOzm09+sFhhx4eFN1\\T6QcC0d5caYmNB7sl7NLRncfepCtKixB+\\DdpJPnTECDi3cUWGrvExIO8afa5i2e3fvD5m58vUtjxPw\\FQUDE25+vuMTMw5gN5lLy+Wt4OYlfNEB5jW34XKzw93TyubYVKBCKT3Vv8vfZP3gRC+qBaHPIUdUj83q8RjXUlfba56\\JAvhnP38tRh5wegu9y84PXluKoBZQZ3LqpHY9CjtbvDwl67+yEgsP1I7f0FzYaLI2sNFLEj4Ypw3n8XEsNl4I8Rm4TvBA4EcxeCoRo4XKkGjI8Gi05dADRvykrCEOHIkV\\l5sPLKzf8NYnS7EntUuQ8rLkeFXJ8+qS0yOfgan8Re7ux93d3ePwNLRo\\yiGeyi33NnSMEhb52NtPeCb7CDxOd6pRgbu3R0qUIcLp07Z8zPyrj866aJjJxfN2WkZpw7d+kSvvPZ0WcgsfEwZhvz8y4pcu6pRMwOeVBcXFRUlFSUmZycnJncvS+ZSWZmZpGYMbRUeWIdLkWWGPUD75QrLKT7WzawiZVr166l+VBC+ESfhobfSTJRkisrk1AqzWnf+NNOm0GS09JaulPSKitxxe\\\\Jg039fT0pKF8E0XSdCJoQsGlpaVFJCkpKawC2jy1Bw8ebIRKQlVpGnlqamEhPjSASXus9iLu7uA3MrD7fAgJn\\BW3FAMlUph1csEbUhKIiSgENByaH9lMi6ANHRnsAXzafPp06vSzKvMq1bRetrCwj4EKKC4yspkQs6OV1SaUprSkCKmVqWnsylUOTnr169ntwvhDZgGuh+UJk3lxtq\\sGljOIWOTVRnE7LXcR4MCEhKCn1jScgjE2tNSMxKa+F\\U57SwLSnF04RiFTyojOTJI+UFDw+TtJDkVMx6c6yTXSfbhYCMWDoAG16Vjzwi9TxAGnKT1uSLIXHmvV4FwrngXf5x4VH9pN4FHAeDSnCoiWPZKHkzPjTXjE+XvPKUnlgOU\\mweZiLiePbD0Pml65VuORjo60AauUInBAZSPycDqK2zwO5xKBJCcnKxoCSMBNEQ8BpIHz2LhR8EAPwu5rz2IPClkBHgWkHYxH6UI8kp12h3Ei02F3JiiPdcgDJ9MSD\\DyKRqPTI0H9q\\YIqfF4px43BSwKBpiNpuf0rESCT2PImYxgoe0F+KRw24VijOPbN7f8jspeWeLs5FpWrbmTWV3m0TOg3iYNcEAw26xBAuMG51Wqz1ZtvL0aex2n05DuHOWQIr0HkT4U\\Igggd6kGfOg\\Qjs5JCJ\\n9B4GHJ+gMuqwW4tEjIrGntpjnlMd6HY+CEB5FGg8urBFm0A+HxR4AKlZ7ZZpZtZeoFhKJR3IkHg3R7AXvV15uHjmMh3SnYTySM3uCTJyKuFwuOxOPM1x6nshDi1EFj8ykJJVHA7sXQudPnwsemZngJCyq0KoVXq3WTvjHXrhY6BWArNIJhbM6JP9kHhaHw47q4CKt4KpBLw4UeCVNYa92B\\Q5PT2rQoGk\\SN4CH8qw1MenbLeFnAAEKfD4nE4QCeo9bSAP+KX1jVxuaArPr8qXEKNhvdWgodwINjjUvwRlQfFp8ZnyAM8p0UzCdU8xHone+mEFbvLY4WYZLE8QDtK\\yk8HC6Xu6KiwmSqwNcKG\\yINfbfVFZmMpnwz1RmtbqsTrP5H8uDTuei8sAOxumwe9ys8RVuW4XJBkIgTBWdNqSCJMrKOB6rBXisWrV4Hkn\\KB421tyg3WRz26xut83tdpusg45OdwXYiQ1WUTteBB6ZQj9QFQIWm9\\rd3ofePv9PpvJZ\\fDKv72++2mF0M\\Mrl+oKWYvHavz+sPeAN2n7ffZvM5\\D67r9\\rh62uMhPaktXhsSzJf\\zTeKAxVAS8LuhAPFaPIxDwdrqdgQK7A5cDAY8DcIAnsSCPpfQv\\zgeNmww+Qh8LaMOxe0gO0J\\Sv8qkAf0L4luLxBeuN3gN8F3drpxqZNehNjYGry4Leg\\0s4nOg\\ewdgo+KBfHn\\QGg9G8NVqQXtJdB4QaIg2m0yMAA\\AcJ2W2Hsm8KeOxOfBww8rBBrYeqYSZbDkdlMwxrkAFPKnqxLVn+JoEIs\\0F26zwVcjywQi3m9bofV1Ok2BR4MgmPxWMGdsFC+wmJ5QXggkH4vhBr+AIQgPq\\D5A3arD6MRGCLz281kXtJbB5J7PzW00mOs\\Oc3\\cIUJzzQjwasD3w2QIPfL5HsK3\\Qb+LTmpeDB7UVrQHEnZGB17EZOJrJtbvoAeB\\uUFiD9sJtGhVLA+pYzcKAhspH8VbJ2dv5gTPT61dNJoDw748CUmsO4WS0zsFJ8mLo9k5OGyMV0QSlIWVVi8virRebh5OGYTQWkFCzvIUNgJDbekxI4\\1PEPe8Dh7ESfCmdxEK6b7Ow0DrY4KDa10WAZnL+8APFHJzbY6whY4HwtYAn4HG6r9YHFaoN\\gOCCzWSxeOGU78WJT9FvBIIBiDW8fr\\f1+\\v9\\YH+72P+h+4KgI+lx8CMu8DJ+qHw\\Ui2At6CIvHgbEpxqhBuy\\YD8v9fn\\A6nT5cYAs4HfgTjRemPg8KigYc9NIMpytwIkcjipb4RU3uuk\\Olk2\\pHw8Tq6TRsbAbGJgTJ+jl\\BR0NYF\\Ri8IBv32ZjY2OgJLZONykL\\2MKwoN5R+LzoPFTW4VAYONBiNAXflrDR4ssFk\\i64eLXW3CVsthQj4+yM9nZIRG8WnC2wudz9kCHo8d+t0KmxgytAXsjoCNn8lRtIrjhdbEH\\8g\\bD5gz6\\3WsPugJ2Z8Dr8nlsPghDAnZ70Bvw2gMUs5O9JHY8JniYggGL1+7zWwLnfI\\cXr\\PXeb39vvO+fpd+P+Rg85fEvt6ZaZOPwJWf78vGHQFXY8CPr\\f7vYHvEG8humHeDVAPS6L182Jbi90+lrBAjLoaigms1EfA660LBCgeRA0vg5RbDDBx4McOB+GWk7BBut3iYeJRWJumwjHKhwO5JHg17NxpqmFZhk6+CQyNpGMTzXUfsF7eFyWYCL3t0lOh8XOZtA5BA4+r04nfIMLdkp0Hg6HqhuhPISSCC6OhOfBJpryVwebd2p32HVsVFTOtET2H8k9NN+cboRMYjUupVmzsNcgSSl2y3grRLLZ3NPTg3dNJSwPup2L3a5TSkJ3HwiBfdlWsTfeBpGW0DwASHIm3fAh74CRNxae12ZjEwR86Tl\\\\nxC85B3R8mb52T7dfPTtdXz51e94DyeQl7ySGgewELHAxv3ksdLHi95vOTxksdLHi95vOTxksdLHi95vOTxD+GxOCAJzIMNBr3kEcpjVY86+nP+fMRxoJh5rFtGHpRRPSsDH0+3YdMmerwDS2Oans6TbBKP0iQulYIHPpiuMtm8atXp02bz6T5FVgGX06tW9aSZ0xbkAR810yN1mJh1PPA47IilpaUNnAc+tA8qto4qScnX8fkwGex5bPhItvb29lh5ANssTHuLzy\\ctGGN5LFxo0jqW0wPl8KBY6Yh2nhQWloyUOn7cfyXmZkrTGZmfrkzNHjafBpg9DCJisOsFzbEpOoHHjOF42jA9Kfi+WMcyCbCkQFNwOddZGe35+Xmxq4f7VN37tyZGg+XoaEh\\IskP6IMjY\\fufPLL5\\88dNHH43OHzoIMj\\60Uc\\\\fTJx7\\8cufOONtrsTIUTaAu4xFlSsgdaEms\\sOY3\\HxUuWPP\\544yeQj0a79nzHpb7uwEcfwrY34M2Pn4HEyCPPmD\\+8RtLE0Tx04cffvj6F9X1QOLrr78GHMDjddiGSH564xlIrPZiNI7\\Ak37cOny+hd1Go899dVffPH6h89OYu9vDXdA6z+ENrxOomuqFHyf\\dHK68q\\11\\\\orkeaXzNNKT6C\\EZ5fPs49obsvAPWdEhh5P1iFinKCu4Gg8e45+88dPrMcgXdfXfKTya6754PUY5cODAUj8aOw8wmD\\eeP0AVmIRouKoJvX49ttvuQf54gulYWznAzHJImoXMw+jIQsM5sPFVvGLL1ir4V9dM6rHt98KINUCCO5zYIUlZh5oMB+DwRyo0wTKxde6BeQLTarrw3kIqYtQzgFxjANh2\\iRcUH\\AeUdrZLqZ8VKHPxHVgb0MB\\yAqtDG179JCTMXL79VgCpb67W4VhBqa6OnYchK4sZDJSGElJ+XXM1IKlmL\\h2tdyNGszM5buvBQ6VByuiGplWN7PPKh+njXV16kGrGX72kTq+uboZPttcx2pRJwpQRFYWJQ7nt\\lZl8FgDlBxzXhwWqiu7upqZjya65rrD1QfYKqCjVB5wObvvjvz87ff\\nzj569\\\\vnr7\\ZAEXUKj2aGEfY7UM3UmnHQNYM1jI6FxzlQ1ywaegB3b66va25mPIhOs\\ZazStMq83N8eCRjwbzerMsFI8B\\7q6qIakJFAf+N5h6YDGo46aPHqkuf7mX3\\+\\PO1mzdu3Pzr5p9\\Hjkzz\\wtay0rtx6ahSXUs4bAH5TdVV3PvwE6bHN9PWw+ABsZG2x8F34e\\tPXVdeFe+h4wB78O4wfj6ws8Kgfkk6zQgWPrvn5+Rn4OzLfPA+\\R2DlSB1Volq4kLqbfx6qn78GMG7+fObGmWsHj9y6cuvvazdGhbWI4g4cmb85M38GCjsyP39zfr7uCEgXNUd8DcAD8B45Mzp\\5sz86Mxo15H5M\\CRuvmu6lE4+PyRK0cO4r46Hl1dzRrSuPDA8aAJMBgEwKSZqtnVNXpt5sqfM9dmZq5duXVt9MaN0T9nbo6Kb4TxOHDt71t7Dt64+SeYy8\\I4+aN6gO3ZuYPCGNoZgXWjd668ffft27M3Lgyc2Pmr5kbUNytmdE6elcct7p59OaNKzev3MAj\\n1tHv\\DEa\\dGr1x68rNm7RCpcl66j6O1Y4Pj0IIyT7s0gke68C1azf+mvl79CNAAlxudf35t55H3Rfztz65cebmX3\\d+PrGn9fOfH3j2p8366tvHjlQp+PRVd\\VPH8Nypi5dWMUKP+FTfzrSl09tUj5IuC90bor13CfmVuw0+i1K6NHbv05\\+dHo7h9\\kD9cvMw4GhQxp1P3viwOYxH3bUrf\\w58\\f86N9XZq79eevW6N8zUF3uY1iHcAvM48ie+T1ff\\s1djLfHZpvru+6dpMFB9WSR1dd1yiwugbljAKYvwALWNU8e7NZHrEedWH+CkC4NnPrk2t\\dyGPWzN\\3\\x7putgF\\CoC+GhwwlfVHx4ZKF+HNDzILkxM39tfgY0FSoFP1euAZO6eubUmAZ0Qcv18QcEZKPzHEdzs6x7V9086PzoKJYGin9r\\tatWzfmm5tDvoL5Wzdv4j5gNPNXbnWBycDHbsGxb97sgk3VzSHfWshKc3x4oP+oC8fRNToKvyh1o7hIK+DjyQfy7vAAhaffqjyaRSxTreEAiPhpLHK+TilL37r6rjq2D75dD7\\88KP8o6P1IRUM+w7jwiMD+peP6iPwoPrWN2NzsEX1rGGkswJIc3Mojz31Iuxq1vGoZ6V0HdiD5fKyQg6FG9hhurr28EX2Ye2t8ErWa0XE7k9BPS6DuYyyQ9IP\\e+ql3+Mxp56WS9SbgojsZP8Tm8vyIPHmZKkaJQoVCupvr5ev7KHtVy8o+2wRxxbqwWvcX2XrHw8eBRCfPphFzue9lK\\Z8+erj34PcFi1x4UfAe24PvYO5LAmo4HBKj1XSw4pxpzilAAK2kPlSxazdb4QffwV\\GfDttFb+OuKFSGRofvzwtAKnHRjzt\\\\PQRa3G4dIW+CjRSdYnHzwqPPZpW14cV1hVatH6Hrq7Q\\ZVm8rLfAAAgAElEQVSD7umKVkspsV9vyDJc\\uWNn0ajHeCQunCILbBtvNV7DgGPn4UAj4OHqF0L1f3QnuWSOPAgbzp\\aNHCWnbo0MGDX6s8zhw8qL234hKH8Y8MMJdRbJdW6kEuh\\gfXzuEa4f4srbvGYXHz1+fOXJQreBBVfgmfqiD4p\\6gYOHDh3Uf4gd9JBaj0Pij1dQO1B8xk8\\nD+4dDly5swZiQOWjwggC3wk6krUTxx5qt3iwAPH10ePxCJUkTMouDgvNx95BhKX6y8\\zZ9ZrBzBHzgHHx39CE61Rufn8SsEGLThI1jHt0HOrLDExsNoMBrGoXf5aElC125JrmiivbXEUmOTGHkYgcfHfyz9Au4ff3xyZeYXlKamx014uR9k5sonfzyjy7dvxMwjq+3jjz9ZiuBcj1\\u0LSIoZx16enpE+sbVq9bl\\M9zk1AMoBl5SXm+CM\\QzepA+UCyKAqfRFlcLCoSCZsqTSbu1vSeP4nvBm1qLIvfqLU5QJJ+GyRy5cvj18eH4\\HfCkaIWMTptbIBB9s\\lhxA\\wUU7rG0tKipCJ+vynNEsLbKlf1fNNDs3tWmXvudq\\m9xF+Q\\m06Ce6hGa5ZDPSzJUsoZu4oTWFBDPiFLAJQpRPCzNIYQLL1Awxf6ydSezz6TC5KSWg20Q8cnI0HqtxOt3qYuLBM9AlsWeiJHGVqFTTzGV2F4q2nV+1ClAtfEsd3tSsADFryXMpvynOl0rR0s81FCvz6XJyeP45ll6M5tPhZJbseMwvzMrKiMf8U8znmYf6gHfb0szC8wtLYs\\HNaeZk7rz0540h+6FmZ9s7nFumEhyvuQh8k8GrAV3PdYA3aH+wuuHOc1pceybKHZQOs+eF36+NuU3bZpoYflNXygemL0ymefzpGdZYCNecVmszsGCwYAV81emKb0ITUROcB5ablPeIORhcTkDThfwMPeknX+FyXkiQ\\k9E5gHS3GarEqPy+FwuAIefM00a9u5rzUn9vMcXUxYAku26LCwB07Bi4vntVTeDib480\\ZU5R42k6WuZM9TYkjYU9Twocq2fEfPl+qJ5Gf12dhCBzqI6V0j2XTnrVFcILnE5qHw+70BDxPKYGAHfNHJTIPq91ewbIz\\Bt+\\60la6Bl2sYFlmzWxM8v5vJ08ucj84c68kcF83x0\\JHBTOh5sAn+fEvkwVJZ2K0mk3iSdEWF22Xlj1EWKbUwn4XrReDBtcHpsJkqygBHGabBdfvwObGYcgyzoDA1oXw4aYmeH6iTPQ\\W5LW6fX6f3\\8AMzfYbD57v8\\b3+\\z9T\\qt7Nn1Fsxv0fi82DJsmx+SjAGL4F+\\wOru9\\l8+ODg32YX8vE81cijwTvbz1uG3vEOj6g393pNrltVqvVZnK7Bjvpcf34GGFTBXv+OtjL+cTnwR8+Lx4\\z1Mn4TOTMc8Y+Y8Kmb8h4XlQTmier4A9RZlla7DxrA3ac5Wpv01sHphC3s1IuDtF81mmD5bwgwITBoflN018\\agQWRp45l8twXyZSOjJjInyRSe+\\2DRqcfttqNntVpZilOT2+4wUaJC7lN4\\qhvEvv8ludLqrA9CgT6LR63Pei3W6wmu91kf+Rzeyx2i8fjMrE8sJS\\8kXgAThMPr8Xfr39AW+\\324LeE3WoCXg8z7y+nx+C0sh9ALoB8unBS7T3e8N+rx+T78HYjK7zRe02f1Bry\\YjznH7Oyk5gXQD+BBvsHktmDerE4b\\nXaTJ2dFW7MM+62dlotVpYCBPwpxB+Jz4N6FZY9y6SkseSZLLUAjZ3PJXz\\4rDiA\\itKPDaSQuY69TKVyziXasL\\UdPovPQelSZ+DY0samW39QSTGR7SZb5Cbm5VIjzlzIRo7FhM5nf9AXwHzg8Zg9YgtTPmCosmFULIjNK91pmczAuLB8f6kdPwusHKoHX5Q3YA3avx+sL2F32B3YPxGGgOo5it8Nj94KXYfk8rQk9\\sHtBSwiEAz0ex\\4\\V4cAPJ5+72Yz9NnLwv4IR7B\\KYBDOVfCB42SpXlsgKBANDw+Sz9\\Y8C\\b5H\\RCo+gOPYMnvHfQgD0ti80iu5PpBp\\jQjbBE6iatm+EZ1lk6PpaP75uE5iHP5+RlF+47K9hJvrwQQ+OnCR6PIQ+Hy9KJw6Yswam24MYFNnra2cl\\HYnPA\\PNs7HTCrfIY0qj7Uw5ROJ1E89v6kro8aBkPh5k0q5KqhlORVQGW5lHIf+R2DzE+Een3x8MYFJ5NngKm9w+r3fQbdPGDvF8LpHHC7V8nhCHVngtPr\\Lbw\\aMTLzBh4FKoLQ\\Qbsdr834Ld7yxL\\eqUuv2mFP2jH4CPgfeQ\\h0uWCr8X4hD\\A68v+MA3aMGuN7Hzmyo8Kky2gMsd8Ho9HkzZafcGAhY3XotwWVyU\\5ZSBbN8nol8\\baI51enpMgs4TxPc2oTTrXM6QQf4rbJfK\\nzycyD5ZPnE+IcdOPjec3lWnEaXwV3094Hji\\EMfHOlFoJMwaQTq5WO12R2LzgPjUgtPpAgF4DegF1z3sxcPWAk5XgufzhPjUYmXBOCmIGDrtZDrB4nayHxa4W2mOfyLzwGmULpd+WiVfhc1iUjJfwLcSe35yZXJmUSlUEGu3Fu90XIM3O+L9ffSMeP4A93Xr0vFh9qUpRWmR75hKqPn88iYYqHoly3cqH+HP772UN0CcP\\+C8BA3McgUp+JOFzN7+D4umNkNZAnMA2ubyVRASfnKbkrWNZdntUhwHgvcf\\syH85LHi\\zJb3k8ZLHSx4vebzk8ZLHSx4veTyv8Sk07uke\\PHixOsveby0l2jPD2KNe3F54BhQCI+QEZAXnUfl6dOn\\+k8jJjvpDALcKSqPDaydJ4FBcWYzbM4JSWF6laUmVTExgvZSCEfJq38\\ffvv\\\\+18u\\wuvvvyehI0HL4SOFUZ\\Xl2bWdU\\JugfUFeHz+hgQekRdSjFP6Ilj2PwBdRs2bEhNxQfUQRuAR3t7zDwIBz6yD9WDhsfXyHyv6emr01m+V2BCjy8sLSX9oEHDZFSR06crk36d6p6YeP\\99+fGxsbm5mBhorvjt9\\NpCtPMB\\VwkDbCG4ylq\\keuXpTYsp3+vq9HQauRf5XumBffi8wXzM9ooJTuOQ\\zZ7amrqN71c\\u2yTn7Fbz5ULk81IYjjJGNC2Orh9ycmuqd++\\5\\C8r33+vXvqeXUPn111\\1tbmsr+yUTmLn0f1\\S5bdKO+99962xtYd76DsaG1tBBy0fff\\PQuJ2Z8afjvM2rUkARjv7dq1rXEL57Fjy\\Ztu3Dje7ufjcSqH0ajYeL\\dh9\\LwbZtW07xwFAtjRu27XrvWcnsepHvjFr6vhu\\JIXKSoPUo+vvkIgW6SCMNVZaYmZR37+1Pu7d+\\atm0b\\onXUBFbd+3iL5LJLq4eX31FQJiC7NJgaB\\fpRQe+Si67bu0CtGiWtqu8M+x0uPAw\\DbBPiBbYsW+ZUQj6++YkCYB0EiWv1XUmLnkWXoOM55bKdfsRhRtoPAiwJEUw8GBHhs2xUKg31iu1awLEV3qO2Rjkz74WF1b20PXWDFxR6fZmX99v7\\7d61fZGi2U8oj0ZSEA3fikqM8akR83lehh7mPVliY6N85X98i7YH\\WrflDQXBLKjlRREwdGoq7BaVmOE92G1kR+BrWhHb5T1wY2Ncl++K+0ZDx4Z2MM0ssNEly36VQlk+xYdD2YwGg5t\\4UOsF15jXi4xu1Pqh+T2OMxMBgD9DCNW7AGW1Aa+QKvFS5swVfasp1t3q7w2LF\\7w9fffXDwA9f\\fDD\\v37Wxulj9jOCqQSRMmNtJU2tPKmy7caxX++sIX90vvwu13\\Di9YlECrceGR0bR793GlUF0dW9nh2dp2URPJY2y2sXX23r3ZHwZAZu\\tHbg9NzA7Oya0QxS5ZYteHVpVVRDw+SFbt0gUGiJtlzBRN8eFR9Zvh8Fgwo\\wzsDevQN75wYG9rbOzjbODcDSAN+NbBbdxMC9Ezv23749gNoxsPfeO7MDY7jbmJ4H6MIAydzswMB++Nu7A6gN7AhvGryHBcztHxjbPzCLH2md3d84NoC7w0sUJPHmASHItvAjbR+YHbs3d29s7N7Y7L2xhwPH783NtbYqPLZtawQUrSdAMaCJs8AD2traODA3xvpIVZNnBx4+nB2Ye3h87Pbc\\95\\iC0MP2TjwMP3Zuduj8GR7t2bm52bezg2N3dvoPXh7HH8LCjjluXnUViY0X18966wslsbHw7M\\g9IjN2ehf8PB8buPZQV4h4ElObh3lmA8tXAw4G9J\\Cbb20dmN21neFQqj\\3cKJvdm7gYWPj7dk+KGvgf7NjW1p1x9vS2noPNGDu9o7Gh6AOtwcaGx\\ONe4d+B98J2Bgc7DSqq9h6zLxgJBsV0jdiMfsGNRlDpRk9uH\\JoDH7Ox+rEMrajZGVI3gKub27z9xQvQvJ\\bvQNNo5H0LNVIYzL2Ht8fwCwf9GAD9uH17VteeVhTgtRd2gCMBsXutrbA4+\\7tWdh1dgfwaNWxaG1t3dK6HPaS0b1793ZRuVZZuXfgW7q9FzR7bgzN9+HsbfheW9l+jdJilHCMApAdcAbDI49G9bvfPzu2txV9wxg0bwDUbeD23lb5LbdSua3Sf+x9ODe2t3H\\w1lyW2PkR0A\\eM1UUVWlNU483gd\\KkrXeLTymIB1B6xLkJVoFEFVqxJ+iAhV4uDfIH2ZUAJ0HdvUvqWVfcuyabDTNn4wPGir2LVV1CEcRyu3NFb3+PCAgGybVqUQ2RGysINXQrYplEer0pGGFrRjR2vUA4WLtjcvYMeTPhEfHt1cPXZw0ZbEhh28fjta2futrVs0HMTjhx+Ix34aNGQ0xGf0H+YbZMFh28QnRFU0llRCq\\YZRkzUD\\\\Hhcdv74M33bE4YeZEtXhnP+H4gYjsp1FU7QteYYkLDwhPG6FZUBwfBcWFHbRFjANqW+DvnR3ql\\7O\\hMcBwI5IYHsYOW8o1X2nR38o++IdX4seQzaX\\kI3\\2dHXzrO0q9ZCnv7NC2xT6+nl9omNj9Xus7ixZRG+puNR4n9u+Xb628xHo9CnjggOHx\\YsXOPp+pAE4Tvwg5QQB4bJ\\xSUO+mGA4HQMWgU\\0eVE1FUAsPeHH0KAhO594ulbdGIRW5eFB5y8HJ87sWTZC6LgwNW9J56ZxGgvCAR6l7G9scjcmCr79z5LiZUHAAFzmVsSBhR2xZZAzGkXcPHS9tzcP5CHkdRj9\\HYZOx9TcaOP1OJlYfRMHU8hsulx4\\jBIfupo6OqY73W6ZaOjqacPrD8d27\\5nXb4FH0\\tLlImJ7qap377\\HmeKrC5OKZ7YUFTUgHM00r\\\\9bcONitkxSXW+NSYn5Vxmc2G+ZUkR0yGWc0mw9CclFJ+p6m4cbKy8jSbs8Jm1rEZPt0tyZiVE1Nz4o7w5mmUKNODxKQYZUW5E48VwKRITIthM2LYnBiaEsOmhuBkLzkbJE7n+2L+2Po1OYAEmNB8KaDSEH1+YTK\\qZQn1zqd1b3uNJsSZj5N84NovuHp6GKOJKz4JN38sRQGQ7BgXxxNDxLzx\\Ixn2dc5tMZDIWFkgfeWcx4kI4gj99\\b1j9OxPl9lokwnCcpjlPlPS1OwsRmAkBft+v4Fe\\MI9wOpwHaOTvSb8rovHI+ZUL1Bjnj2Xx+WPG9vjwyCosTAXZsIHm060F2Yjz6YrxBwS+nRRNPzL5RDphOmmrZP7atCZj+E2FPT3fRJW0SCIm1Yn5dGJ+YfHqYlTZjQU0oW4t3hS+rPMtxfxCnv52wftv+XxcNaHv+bTzKRMbXjkfOiN3wQmGegmdb1n0XMw\\XSKPtG+ceY8HnWmLmLT9z+ZRWhrKg5DIqfyezsG7LqvnlVU9T5O\\Mi0yDDbhkvFQZ58+LzxWFxdLHCE8eL\\Cjb7HY7G3PU61Ozw9cefR8AQeOB\\XYHiuePR4rJZg00QbPjom7ZtYeCRXRuJRXPzseSCQ1at1PKiDYQnQk2XcAUiSX7Fb8KHzyQGLxZ6sfNnatx6yHo0H77pE90IJ1lmK99UFBcvMI29BHkJBQngwHMnqkx0wv6ndYbE7g04H5jeNEGNFALCgfig8SjkP6m0LnhcerH+hB7LRjPtKPY8eF2WrxGeu28OVAQK2tCXz4PZSvDqcB49P480jX8TrFKA+kQfLb2pX05tSrlNcF1lN7br8p\\bgE\\RDMytmLzIaI\\Vg4VhBegQeqeL+hhXiIf2pjgfP3cnSdYpkprTIHtivPJAMly34fP6n5aFTD+3spaEhon6kPhf64bC4RK7Op8jnaf9H8TASD\\Qgm+QNQWvXch7QxxTzE1yVB7hOe2im19CUr0xrQBCIs8f8VDhkb6vyYPe\\FCv9C94NtAa9qeRhiBMPHB8zLMRjteTBA\\Yi9jxHev6pSeaL4ukqxauaxKET84slL5ZH5nPKo0AOgKSUSh4sP6HNhM\\EtZlMmEesQnnadoVAxfJpYb5X89Px4Dho9ON55FHAhsg0i+E8XJiPjx4QbO8sYw+PJgw2u4U\\2VJL0kfPx306HsnPEY\\CQu2En3nUdIpQC4q1MzqymKJMzoM4BF0VFHg4rHaH3eTuB9\\R6XDYLQ673c0SatHztRfCYZbZ68VIUya3l1It\\FjN7iYM5aGdzz1THvR8bbQRm9diwXyewf5Av7\\fbfI5\\L5Av8+L+Tzt9Ahdm\\XpeGijTOhMn5IHqscz51EEnQvZCz79FXO7+gGA3\\vf\\nMWyyPvI4CB2V7hPz2sn+XTMj\\RWnQ4npIH4VgmHhkZqamb2JBhDr8jmUcg2ikMvyGW2wtP3FBmEv+wN7F4TTKXA+trMN9JMPIJXLK0FA2HeBiijE55tE7uA2kgDn73LZoLfJF4uykOnyKO3GfDw+Vmz+LXUpvyJVun7IZlvmjMnx1RovIQdyJLHg3POQ+PxcLTaOETYTvdEJR38gfC4lbxpFhcdED8ETQ\\SUJ4sGOtvH6wK7j5gsemDdKDkAMp4ECKlTFUYS9cIVjeaJ4+iyWRqjBpGbVMYC8eh\\MJMHQdS5JmLnxorIG5D+xutZuzyZ2y7lbhkbeMPDZG5UH+VKSuEJm1ZAoY4Tzg3TLMF70QD+XqxQI8AMbzwEMaTAgPC+dhsg5arP5O6FUx9qCsDR5\\0F1W0VkRkt90yTyK8djFK8Qjj+FgQArxCgwRicJDuhDiwZLdPPAG\\NaAze73OyxuzG\\q7veaAhZXJ5zYmng+T+xvk6NKZWVlSBgmhz5S6NQWbYXB4IOFOdrgGOPBeluGY9l4KGPKq5VRkFKNBwrlNw16HwW8D\\wemz9os\\pd3v7gI6+vX+Y3BR5B+SzdCDj483ZlGPac8lir8JCjIASE8UDv0ekLeP0Brx0geAN2U9Brw8wNELAGgn6vg53hMR6Z4SJ1gla0MOwZ8hBE+BhqKudBp3RMQeg6\\+riYmkyKSlFIh9ORRkpAMapMqsnLlDibAxQyK\\S+VxlNNF4yNkNYhy5VPYt5Na1zhZ5QGRAg8kUncrgNJ48+CVcPQ95lqvxKBX5G0QmdTdLJM5++Ek\\zyZeIfLNZ1ZGl8wk3RO6Q4bFGsRIcigPdjK3wjzWycuWeh6uTp5fXqb24Kf8Is+6Jg7M17ggD4ShPbCc8xDDDAvwkGcvy8GDgGj2wrsY5IFhmcIjpZSPj7FgTAk\\wDwq5ICZfAfj9WBS5gI4gAEnkaS7gt2gncnxkY91zH0oPAqXg0d+VB4bGQ9pLzQuxPuXMjIZ1AmRu7NMpteykUth+edIP6KLBCHOWjiPFI3HaslDeFPNfYTwyF1JHuRWJQ+TNWBx2kxlAMWK+ZIrnBVMNyo6PWwoSMtvmhQdh6BQxJ6etCAPTTvizyM3lwEJOaVjIWqO0sWQvZBLFTxw\\BT7EW8g4Ife1efFJOv+QL\\X7\\H7\\W6Txe\\2wOZA0CPtJSmKbvBZJVqnEgZDOg8a+aBcEVw9RHC6\\Dx0XS6\\sC06GcaD4lNo9CP4gYjDj1T6AQEwCdiC\\bANKD3CrEmcR2Thc2yKVFMhHik6Hpq1MB7syWOpinosM4\\14TzExSnGg9yD1eH2uryegBfECkRcNHQYADsKeoGLy4ujyxSPLcRDqAab3cBYLI6HMZ48eAfDQ1Te5XIea3F2I0194DwIiOTBczaKWKxCHQYqEzn5rDj+wXuQiCyEpciL16Jn4R2trnNhA4UoREMGpzw6zY0fj\\wFeWgnMsUN4E9dbsqlZhKjhSaZfl6e8AvBeCwaD72UKlGY4jsUHmwkSHrTFeNBJzEqDzYXdTVTEexfeMYsnjaLp07SNijiYDwiiehQNGeq8VjNz\\ELCkI6F+KxKcSbxoFHuQKEj4FoLoSd1PFEPxsZkQLJg\\KbhiTyrJBhWQXmCBYX6cqYvWCzS0NE8xp8ID1F61lUHnQiJ52HcuoSwZuWl8fMIy8KDxaDCA3h3xSd6qK9MB4YkOL5G08xTwOH3IMglwocR6T+ZQEe9JfCRfMe0lgKdM5DjcWWl4eui9nAn3RJUdk6fi2XVASAoL3Q8KnbB3EHnMJ0Uk5gt83q7uz3Bh9YWXYxIAS8MP5wBEsjSJHEwMYFcYmFOHTOspodsQDHxFaWh3YKw0dBNnCXukbMBlnHXQh7JKrkYYJe1U+ZTaGjhf8+u8nvg03Y\\2Kk5ub9iyVYmhKJSIqOB+9UisVoegE75kayWRao6y5TIo2QYCx+PPIVHuRQ16xReWidDNgMO59DswjaIex45HMFfK5Hdp+\\31IBUarPZ8fM8w+CXht2OxR\\sG8\\umg4tAEgYSwMh8Zj0wI84uBPQ65aCoN5Eg9yHE4P5je1e60BT9AVCHjsnUGX1e6yO3wQytsD6GNtlN+0QZ4O6kQFUSzVQ+HBtANZROOhC8ZAQZbOA4CoXS4HwkbJ2L0w4mKumEDFkHAedFqrH+qoEDnWy8DhmspoLKSC68eCUix5aCyYsWyUykHXoNZzc4nS2ZbHYi\\l5RF4sJNcAUR0MjQUsk50u6J\\wVNZMTamZTU1yatRLHal89uGhicTadA8h8KDpoutFdfktNjjueBB5\\\\IwymyMsp0jVp6Ro9LJ2A4jqfiQboRkUdOTo7KI1XrXJaFh7jxVJ7DpKamSiDMhXAfInhY2XQ6e6jQFjGxzk47OFwWS1T\\ofQpehg8JhX9LA4\\iEiMG4uCQwyNIY648AjrciUPMWF5rQhUcbjdabFY1dymfKapLu8tRiQ8AS7yKI4s0mXoYXDN4D0tg8GVQ+OR9Qx48Mv9xEOOuG8Mom3Y9VahW2XKIt6ApVe0Rqsiru7oeTAW\\ARf8uBntU\\isW\\JPPbtox5GHQXhQTtFqamp4sQOz+yok2FKgnqyfkNqKj0Fnh4DT\\1++V2U3FxeJGync8RU6LnXbix4OknX+hQedPBHz4uwVBtV59Zi0He2+\\bFwmNfdB5MRTZs0EZTc3I0IlyX0dfxmq\\TZK3wNPy8uGAxwscFJQ+9J43iTEWsvjI8WEZbiWSd2lzR5nRxtldQoCylpz8tkHQhGyUPoRxiAHlFeKAPUbsYvDWZR2UUp4rBEJ7XYY1M9buOpzQQt+mGiNrIkBarO8n307k2bVynmgqLSMGBYUxKcZhwHhnSWI3Z2qkc4ogXD+XSNvHQLm\\zAdX15NX4EIDa4QjLKFiS6PRCmopmKDwohYpsYnd38L5WOA+9M10OHvmSB\\OpxENehOBWw8YBNB7ScBYrG\\WiqAbnsV7jwUxluXhUVe1jXUyeIGLEA\\Brl+yWKX4qIzoashnFu2pudGMMsk4nSp+yRo06NknPIXpawmHUOpdl4GHQLEaoiCDCx0PWqL517bq4ytoQ1RCjg\\wEQjOWrCxWU\\EMA3amv4w8hMmEetX1KhChJLGCkYWsVYsWnkMqR+oTeDAcVcvDI6tQZzIbNojrVAyJ0JS1cRW9YqzXPEcql3Aeou48GIuZh56IQEKDZUqoKs54kYg0nBBVyYkJgqoWPBrlEZi0FaoO8x35Bl1kys9cUEGqVoRHqmI1muGEAomHyA5FCqAQ88T4OW0+u1v\\+eCxSTMcGaXFwkaqmt5KNkj6m7ihZCg4lomHABLJicjYHZ0ID+A1u9FrSbxErxhaQMrqUMjjDq2nlTSEL0WJNw8JJF+G7syxir5GMRydosSEYf36UBj81J75UBF2sMstKg+s+XLyyAvjUagxEX5+kxaUxFOESmgRR4YMSDkPsJRslUduXHlURfQhUkWYrQqjydCAbFJE\\UKXQkBnHIrw4FxnKfkGg4zSZZzOYXAc8eeRxx6yJHnwaEQRHZINcRIFhAw2MsSpfZbWzUoeeSvFA4gYFMnK0voavZqk8qdSyfYsiYHajygi3YbAwVAY1AH1ZeDBkahnuvw2EKNR4aE5Vu2LC9XvMFNaWFIjfULoheARoh3MUBRbydVwxJEH\\ik8tAEzcF7GfGE2VDW95YSryxIlvFA8mhpxSCeqqUYkHjXx4YFAIvLQfGtWBMNReCyajfrpDJ3v1JmJ4jSWl0dNTY2eR7lORfC42UZ9X5OldMGh7iSOPApVHNF50JBHuWIqVdCkuPDYF+ZCNCXhvb3S4UQHs2QJoZAlD8RQZAsUjEbuc8BD86+Sh5TC2EVfYFjfqlON3GXjUSOY7BNMcvHUSNfRZBuNITx01hMfHioIYhFqJkZ9r8I9h65jiScPrdvNDdOS7FAqYdYTRxEUQkkIFNrYIDubXXYeEaxGPGg5RAyGuFIxhCiEaiaaZsiTe85B8GAtiQcPBYlCJJKKZEcGEg8ksijdAbLDexT1ygJTD00zmMSZh0CSK69Mh1lOGB1DzGIMsQ5V1BrkaraiMxQFyXLw4Fd2Q3nkiUfYR1SXuEhUEioP4f2Xi0c4EtSRXK4k4bVaXh6s\\Ly8SDTEsGAYj7jaSxSTicpDYRI\\KtGVQuNRrvKIpBxx56HXEc4jOhUVTIzSHsE2NBvJFZ5Drxmy6rIhLUvm0dJSE5d6ji0AAAGeSURBVBkJO6jUEDbrByrWvrAsEUMUgcPhEZmVQCWEblDl4DVEK+LCgxNpCWGiM5mwziaCrvAGLE0iflg9GkWIGg41QA+DARJ\\HkJL2GsYFappriqhar0oyQv7tLqqHr+c1SeS1xAtiYXH4cSUJfN4KzHlJY848XhVkbeuws+rV69fv3711bdexaWr8PvW1atv4et1eAOWxa5X2YHhA2\\h4nWUV19l78M2\\GUCC7AVF+gt\\v9V9lm++CoVB0vXqQr4IXi5\\uqSJS48rh+eeDxx\\fD164+vU0tg\\f8dnrg+cfg6bH48AYtvHX7MmwWbJw4ffjzR9Pj64zuPHx+e6O6emHjrrYmrkb6tw4cjfon\\77qGhn3u6sTVt2QJVyfeeqY83uq+c2ei6frh7u7u61gZECAAgA4TqKbDd65fneA8Dv8IhK5OdAMIoHX1+uPDVw+\\NfEqsHv84\\Xxw3cO32l6jCjvHB6fuDp+4fHE0OPrd7r7xh+\\df3OBKxM\\Dh0p+l6Nzvw46EmgI27do9335l4fKdpYvzH63fGu5eDx\\8HIurBIXuuF7oAAAAASUVORK5CYII=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14" name="图片 34" descr="IMG_28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图片 34" descr="IMG_289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t>  </w: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AppData\\Local\\Temp\\enhtmlclip\\QQ图片20180802184637.png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3762375" cy="3543300"/>
            <wp:effectExtent l="0" t="0" r="9525" b="0"/>
            <wp:docPr id="26" name="图片 35" descr="IMG_29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6" name="图片 35" descr="IMG_290"/>
                    <pic:cNvPicPr>
                      <a:picLocks noChangeAspect="1"/>
                    </pic:cNvPicPr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3762375" cy="35433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instrText xml:space="preserve">INCLUDEPICTURE \d "C:\\Users\\Think\\Documents\\data:image\\png;base64,iVBORw0KGgoAAAANSUhEUgAAAYsAAAF0CAMAAADl+uV1AAAAAXNSR0IArs4c6QAAAV9QTFRF4eHh8\\PzyMjI7Ozszs\\P0tLT1tbW29vb39\\f2dnZv7+\\3d3e6OjpwsPDra2tqKio4eHfrLrW9vb2PlOOnZ2dRVqTvcjeOWWjy8vLL0R+KD164N\\h09vopaWlytPmxcXGwczgyNDimqvOk5OTTGGaNkqEl6bIqLbTurq6t8bftcLbtra37+\\wsr7XobDP5eXlmJiYz9bosrKyjJ3AOE6JGy5k4+Pjwc\\moaGhIjhtiYmJUGykEB9Udou4UlJShZW7nb7hNzc4NUh\\aXqkvb2+1t\\vfJC7o6OjdIexmaS\\MFmWbICvuL\\MXXSqgIGCNmCdrcHeXHCjzt3v1NbbHh8gxMnUq7LDCRRBAwgtX3qxLS0taWlp3uDeg4+veHl5XW6ZorTW0djjlJ2zXF1ehafT2dvaRERGTX\\B2+Ht3+TwfIiiQHCwUmGL\\\\\\\\ZYa+Pz8\\fZvKbG923eDjNkVr4+HfdkG\\8AAAIABJREFUeNrsnYtf2mb3wC0mIRADZSKNRURRAaEgglWKVVahAhOZjhc2X0UUS9cyX6fd7\\\\\\\\M5zSfIkgLdq1cmpVcAU6\\nmXJ\\bkHcgj0WGBioYsHiGIvGKX7bbZb\\CSwMWDyk2iz2vid1iG7B4KLEqeZMo1gGLBxHBnu8Su\\DvYSFSIY+0p\\S1RyVcvqdwT50FVbuX\\CUfBwwF9OngSaAww3jSLLAcHFDLEL3fRFGSJPS9RwVDyPcV4an7KNUJDXnBHl6KkrVarXK1WrlcD8XjgWC95n1UPspq78\\Cbn2SLESkeckGeudrNaR50H09HgyWSqWUKkF4Gkyl4pwkHjwaHiSDevM\\k7wh2dSTZHHgFSWuTvSe1YXloEqqVJO8j8VN2YgF\\K9LyOu2p2kX1npja2uruLZp5lBiOAQD+HNZeix2YVFZGL2T+tzy5FjgZKm+u5vLqSw0eyhhEoFAPB4PhVyxWCQyH4m44jXv40htJfvlLOzSE2RxUN7VWFCXFNDV7\\FMMeLxRGI16VHA4A2654Z\\+mmYM7Dhn56PEvmt5u7uNvioVCDkcoH+EQCQKYbCNAilEYlMSY+BhcKyEEmkEFkWypOzC9Fb30UscmsBjGEegzBS0ASxAEc1\\RhY+BkW3P\\+J8my9L\\\\cQwL\\1NjcXAgZZvAIlcMYRIeD4NiukuIYXjaj4CFzLAY\\p+EHkr\\G2ZYyE\\PLqoNzCKkuqb+IAgNCBmR6iNgYWdY\\PQ\\TEb+308MC\\vTi918EaFIGVEgra8QwQQm0ccksQwPclKPl8Xw8FNlcUBYbIUiTKBYwc6IsoAHk5OIxeS0zkJ6vD5KE\\npsagiFpuxec0osMbnPSuTiyCTk4vwGEBQFNM4ej8GFv1ityb+p8gCyotURLUKovD5lcnfvnz9iGVxcn5+EsNAPHCNcUsWIuktGsZDaD9S7Q8bB0\\wv7lOTnug9qJkZnzvybGA2I3DhU5ictIzP7\\48eOXr0i+fPz42+T8FLYMxOO7WKjjU5pIxqcqCwnJwcGlo1e9ar3h\\73QYfBPmAVGgfQ9tbOysvgRg4C\\H79+nFzxzE8uUj91axbMWCEeHjGOGUrWtq1a5TnaKS7Xy2X+4DIWvXog8ogO4wn2QBCLXC6oWgXEh8kIKF6zCzCMicWVyfmVu2Gh6v8laF+0CXR4pI7781mjpIJl22Xdll69QYBhzT\\Z3qDIA4utoGYVi4ueyNTKx4mPv4F3go+Jr4sTi7+tzKuGsYKC97SkOfgDsYcYPI90gK+SrFarDY1NoZu+VMo2isWtHAiq+UG2UKe4WFxb22Q6lPHqJW7K3DPHOZSdV+3C9gRZ1Io5wgIbBWROOx7P4uSXj1R+AywfF1fmd1TDwCxEMws8IItfhEpeAr238eAUcTl1dOO3kPZB6c3dJpJdIjkilIQJRSoVql7ipkxjScPGmTnep8dCKm\\ltorAgqKYmD6an1yBB18msF18nPiyiHyUax4luMRJzU8ZjQBpv90G1fPE29eJ08nie38L3\\sgTSr4cRcJbBQIBG4VB3CnOBSKu6r9Wfy7xljh96y2AEUxQFFMTEx4jlxToPbf4MniR\\i7+Nvk4srK\\JHrGMEgFYanakW3PhmVRcPh9UCQevxGY62ICGAGOZVDb6Ecilq3Xu\\V0y7APOq39A0Z\\6a5BwcHXrGcQyN6ccRiEbNwHe24pj4ufkRR\\OMkNobJRc\\O0c7xIoGxAiyO8CgfOyi7CbIGUsSypcMAlfcioI+WoMGq+BEwAIkRDvNqBwBoeC5pfv2L5uQciFINeajiZog6qImJL64j145nfmXit4kJxGJicnJiauUIZIJhEQmqHj1rpqGzUC1D9UGqC1JH0AMBPGgYjxN\\hFEYSFAYVu9NYTyiuWo4sjJVFVPXGqVaL2IlpSLTxEFNfPwSCbh2oMLwTIE9gHFMrKxM7YCHOgpMTKgsQEOxgAbDhAMUvtk1gSHYJQEicWoUOgqGxTSBMX3JqO7jnsNJs3ciL73qBMAD+DjATQjRixOdarVWTxVx9pINTJFgAdH6y\\xRIDQfWdkB45ifnJ9fce3MuyKRowC1C5zVIssIBY16RoqlyiWPiNApCz0wGIwipDsoti+Gg5MHTRrq9+s+6rnN2qw\\iAZI\\QjDy5eQ6FSrAknu6zTObhZJGplNeVQUwMITD4BDmgffsAP2seNBHsvlCgRcjF3g2zUSQ8rDHyDI24eoUB1TIP1QqFepDsrkoab1XqT14LKBxB8z598wp7h7njHjgZhrJZre25j0PqjqnoZWnMdvqi4lFaPBAkh8+bIYAId0FDpyQQ6D7cK1cxRwBY4iKotpwgJozM9HiGg0XN0s+hmF2SpUD0VQrJDKk9T5xweXD+re+1oY89zivlUuye2J4g3ZPeha1T0raxiE7tODMRS4JyiKLx93AjtHCAcgmIfPyEqOYkfxyQkVhsoCwSA4erIIdJtFoMs\\sR6KQYGGUCa1psux+H2TR++GBdtROECzLQ+o9qtqbo9UT6db4ti51kv9GgQkm2ubenEbDIQ803qw+PLl65eVOAQHUA6AQCzgA8AE5icmWMPweFjLMDqp\\lbRZRSMf9JmPqgDiwYW3gdkYWjtoLaCld75sTL8riS3TzHJyxpO7teK5FNRy\\S1jJ+4Jb2wBTXgW9GjVhYEBXJSSPeAI3J0NIWJQA51dLTSg4UZRV8PFTCjwCyCqXhgM4VRdBUW01qT\\iFZMG6nOo3dTsxF1B\\Uknq2pblJZU277dVPmivS2gpx\\S7EHkFtlOtm8eXLxPFUYAdwxHcCgfkA8lFQ\\R1Fpo+7fJQhXFAURyYPxQLBDwJqXREIbG9nc2tbQT1WRBgURhbiw\\goAMGXXer9ZbTzVC8a5qReSzTJ3UdzG5cusZiePU5pBTdlMXE8PRWDKnsHWYTnaGd+ZweeHYH5kDHX6W4WTB4VCMYDqaCBhW4SwRSyyrXN1CZUNMFiai+4F0ghFrGuwmJa91Hws9oPxcJrLQe11kB3YpgyC5Pe66FQVT88cplFNQo6P3OaRG6K4iOg8MRw7I64XJDQRiB0wNMIXNjFgrGKGEYRXCtubha3DVahO6fNre1t+NjezmVX17Lb2b34djAILNT\\kF5va1aBzcLzvXNGh27toEIkpmrhLcAaR4C52V23kliMuQ27XZTKYscV2UFGEQEmhIXJLohV7ITioVgqFQpuok9ba8HZYGo1YGShPsJZ3ezWZnErsFvcWk1tQwzbIiyMHmpKHdIl9cX0wQOxOCjr\\l1TOM0x1Gl9qp8m3kFPKK9LIhabj2keQWXx5YvmozwRMKcduNF3UA61EwrFItSVLeqhG7MI7u5ubwe3t7Jjm1urR9nVzfhsajurs2DDdSC7loVAtr29mQ2Aq8rGg9l4KBjHwaLLLvSJih5P+3tT0tuy4FKURSgGPlqvPtU00hA0I31QqP4p5DL7KHI5+t1Zs9BYfAUYmMY8KajRnR9Dudbk8eLERDeLVDGV3V5b3crOxtd2U2vbxdTu2tZmoLewPagjJoqxPsqIA\\+k758AdEsWUp1E30BEy6\\xFL6pFZ0GaGH+UhQqC\\LIHLbjmylXPBvRzUKzi6\\448vHiePjSXVeObrgGOVQbEqrGWewGExtBcA17cVTkLulsmup1KaJhSGX1TwvA8PgNT3GqdUIxcHDsDioljCL4JQWu\\Tp9lMmq1BBXOag6K9LDCQUR8ayl4JMZjXiMbH4iEB8pZ7q44RB8Ggrk9JqftIVR28aD0DUQIFNDW6UANsX7C64492Woc1z12SqegcLDG5pFzWcrKamyJw9LX5NTZnrq4hmEQYUoW4LgZBa3AVXshXcXQ1uxzdHI6XNSE8WdObHV5UIKx+JXWjuUu19uEz1diDQsyMY6NMTDJkzigiyetV9Hk\\cycrZ72GRcpFJF2Q68cqKjmK+q+sAv1EdQmApBH8wCbWeUJNaV6hY3I2vbq2tZoupzd1AcTWeyhIWU2YWhAYJHCYgEx9puGCiBdP5uKQb2G\\UQqeBMdBiZ7pabVvxXDXcaxYflAXUQ6qHUmd7G1DMz5dapXqjUWp0Op1GBT5VTloXF42LRodBoXpj9LGZ2oqsbm3tBdeCEFiLqeJmfL54KQv46\\gSVidIISo137GBhW4VjEnEryCBe4Nk+R\\WP+oq1KZRg4GoXx\\4Ur9472TV7C3jBWYRZ0odk1UgH33S6IDi9ysXh5WLSmD\\4uJz56JTqZx0Qj0EtAUFYiwVzKZCAezUY\\EQvAkzTECG9GhrEMvEl+r+1\\BENVz+MuFLhKuJhHu\\zoaLeUrC7JuCxh5BkFSitPlVxrrnedC9jVH+\\e8zcjsWUi27uZl1TTN20eWg6ic78f1Sax0sonOxX1rfP\\zcOWxdlE5KPUkQd6y5ZJrLs3OZ2R4INoSZi0zt5GumcJI5LCTc4Ur0czJ\\WJvQzQKjIDbR2zUh7ZfL5K63WUEkEe9h4VX7\\vpk2R+w5cvt7QKx0CbZG0kQJ31SqQCETqPVaVXAObU6pWApHm9UQn3swljmkexRX5inTcZRK++vycOqM7r+teKuvKlloonMfnL9S61SnVhU55nj6oMNE+QnYeXX4K63WtWJU8wEWq\\48uUBawasRTxGuxCrwGLTNT2tFhZsAkWCdiQWakEaWcf6LZVcevQM9YERMuOIqPmjDoMOsGIWiZmvExMn3yqFyhc5c5FxXETXv0xXojoLjMJF\\D1x922JVAGPbU+j7+oNSnFgEVIrvJXuXNZc3nXpPn6ZccR0VxUxdmoZwyhfOBLyfjXj3J\\JOAuZRKI2MzFRr2uTQJCHcrlqVWvX9FmvKP57WIgHKGCEplam9WTW07M\\bR65IaWWSfq5K8ZAAMYKHWPVYbijX2pfqvZKlf\\4Rau5F9Waex6hmJZUn89M5f93sRDFOrAwNAHY+o5GSxQnSwZB4RJFjR4SUvsN3QEkQtJ6PXx\\VEs+XFLU4AupuNV5alOqWUw9Tq3f8fjFQX0zoHVkDJEi5oqnGg3jlh0qikD8ctFAEHvweGqe2jT29R6XDoPggGqCqbcBxUfDiB4yi4j0LFiI1nIwRvaAMIAAv1Dq5DrFBrONjc4hhOcEI1zGNhx9nZZVtK5Sc3s0dw2qyyBeAkZhIBoTh8g4jie+HIOUyxPHjnRdH+hGZlEVvc+ChddaDtHhinnDeHIwl8uhWjubUhFQRUci2ly7KQ\\WPk4vuSqPUhxd9+waLfWBt5oqljwMC4AxcVItHLsPK9XERTozkymkZxyVMmsWsSdlFt8zDwQCeCTCjFC4aNdnq4lgNIIhbRiCUjAME09XJSaEXlXWYhab8SmyJEnFcTKTlk+qiZmZSv4i7D5ENUZdr\\NiLs8j3JLznliAgjyG3BX7+mCzCTCyoZihSuhCMT0t3WAbU1GsZreKqQipLlUa6\\tJx8XX8KE7Ud53J9KViuPQqY2tAotHsm3Rj5gfBb9oe9qjKxwiLUgJsdBRxEwo9HHJqmhYM3oNFiSLpjCAxkky49h3ZtzOxHEmMeNMZBKZ+vTUs2SBdYQ2wcTunjSQD7x1YNFxXYlicvJYusnPARZbxYA694LAmDku18tp53StPFGr16emyzV9OUQEs\\A+JfleFt+8aOL+ELm38UrQMrBImdoYPawCWNzklj2oZnNbdO0kaUkuUuOYwONZi9qSySm1W\\7sWBww3QXyGVjkgq7esUIHMXkzFsgucrmtlLb9BOUxqVMwNcYgmwg9LxY92GAWXSjUqD3lmVZnFd3ILkSpBNlZat5jJsoMtxvaxaj4f+YsRNEPPiqoo4iRoqKGigrQVTDuCk6hbW0Wj29kFwfe8lYO7UGBZ9qv9Ny+i+nHzGMW0+JzqS\\6sKhpdoGKDk88EPKgUbpgPJiKheJBTzw+dYyc\\Y1YgCu0FhGLeVNirLqmaXYKCg3dly26fgYswJfUwJcECYpgKhVLpYKlbBDPpQrG44FUJBSaImH3plPka8VcNsbOoOwSD7PcAlB4npaLunsWIgcsSthDxQBBHE25DbrAKkKuWCgAtSBEjMVjnAKJN3znMhQYzKLFHhT0cUXUBqg+Kau4j9jNExYoVqBJZyFXyAMhY9qjTpE\\Ru4J5KYsDrzWWjau7zXQJXpjjAxz16RnzkI8qGIWph6UlvjgQIFpTEx8u2kokmoBfTkKnUQ9T8bFWcEtmVj1aTWj7iV2txGLnmWFioIMwR1P3FxTohDRlqQYJcZMZkdSsx54n5rcPQsrZaFbBVMOEPdEp79+u\\m7D1k97FwRc2lfQ6kzGv2QRO+3Z8\\C65U6mEUvq6AsFo9vzeJAtOJuJO1ETtWmycBTVe2HPdrjqx7ELkTMQt\\2ne16LB5PZePBxvQtWRAcaMGmNvDkfcRzCR6chfclYkFRoOQpGEH79k5HYp5QxBNrxLP1bOh7WDALmQ+u2APz2dvFy0ankyL+KZQNlVy5bDabK5Z2i7vBXKlRDAVTa99hF4ZtdQiMgwGLfnX3y0YRsUCRIlDczJV2g7upRryYaxQXt1JFV6qUCnq+h8W\\V+58nxxRbBWLlEVoLdVA80AisSkUb489nsgiirbHAxY\\KHYjFoal6IsoaKNhn2P8ocmAxb2zKBWLrWlDAkVagRNmGbC4fxaNRmra0PUgFd7x8YDFj2ZRRywYFL1BDFg8BAtEY+J4kYYKCB4eOtVMGqj\\fvMor1huZFNM\\2l6CnU94OsxKrwnS2hG+YDFj2EhoZ1CKApPxDMVC8QiIVccvgTiLk88GInFgnfOQqu9n3IZfm8s8PSMeDAeiwc9KbRbUzBUigVD8CUeoiysd8pCfPLNqfvwUdlUijio6VAqgEZZ47GYKxL3RKZjMQ+elEOD972wEAcsdLXUUpgFitmeyKQH4oQ5h6Jln\\XmGu99foVXBWHomw9YqCzwUOriRI9UFnM4nlg8bn8vC6L8tk3gOUXxy3ib1VaprljJfqADFl7MQq0qerFAKPCg9y3c0EtRstqQ8v32cN3RanU6nVzzFGTjHyTvQP45bVQPBnaBhU+lStNkXPsSFos3ZwH3OtfqNEH1SO1v375\\+94kb4m8O615Bywwi1KJsMBK78nh+BaT1QAF13n\\e5f0YPH27alfenoh4x5YVBELxiImaYzAZI6nQp7JwO1Y5E\\++OOP3\\vTwCbx7t3r16\\HXzfLB08uu70HFm3CAqsfTRGMe6am5mNTaNaMa8oVDIXi2cnbTOK0fP7jDwMMI4Hx8Y25pdGxsVkiufKBOGDBsIgdxWKxVCQex\\NqU7FgLBh0BVKpCJ30f21twWXWkz+I\\P4eKx8ZwDgA2NiYmwMIo4BBBbGKDqDKlaUBC2uwVJoi7imC5jOnPMF4cBIqvoAnHkxFSrHp2BRev3I8dP07VxSdKop3G6rMEVlaQih0FqtEcrWDZ89CCgZVFh60iD7iikxPHeN9+RAAqDzoCpYb5FFQSVwQFO\\HQfuUhMYDs8AwxlQYu7u72erALuLBkocp60g2hZInMqdZX9Ml3oAFv05QEARzRtvQDUOzjF1kGM97\\QWyi1CwFOnOZMnwHrNt5\\QNdtcVRRK5fwcKOgfEZG4OMxhd6vZSzbr03FmItXgw0qPMxiwoiNuyeLekeqiNDRK2Z\\fWzs\\PN7d2ZwkMmkZhGKUBi3Y5EOmyiUVtK1t9sb33pix+14LFBsqg5pZmzzbPP2E5P9seM3qp1dmS9a6dlKElf9ctyPtg4a2WQzoH6p40FvoqO+uNWdBoQVFsjG6vnX9Cx\\Og82E+ne\\N6iywlO5u3wPDPmCieeOYx8tCFG21acY9kUagmcT0zdZ3qyw09zS+sbR39unoCB2wBx+uo8D52ep9sjBuzEbP7EIrbO\\qZ9wPC\\GgynafSLgwkWiLt2Ghh4rxudXz88D8zvz8CvyJzB+5Audrs\\fFwnBw3cuXL9HEais6CFBpvzx4zHYBn75JBMXiopo\\HePIrbbSrTezbVEysMAwVs8CYBYrnvkptIvVjucoAG5qjHVTfViYhqN6ngZoGCLB5wDyPMfVLHK93kKd+ubpKfwXXr9+93q0UbPezWjJvZ07KX7TPdTxcdVqldCKiW\\fpFs1UE0+CrEY29tEHuqI7Jk6P390FP\\06WzXwMLa23+obsbb66h7onqB4xSLnI8mHb5CotM5vLg4OcF9elNTGPVixkq2B9zP\\Ho2bRzwJDuw33L8UzzIfzCxmF3bDKK47UJnVrmOduIQwc\\XDIbRlwUu5Mn\\zut96ZWsNkHgQfV1h9Od6FQqFxf7J3iMBFTery2soXj3bq5lO3jkLLqGpg\\UTalv8W7O31kWkM9CtAgG0Nl6EcwCnZcEdrE3yyS22bbI7Ijq1f6+fOkVrWhgVq47W41O5wKPTqGbnqr7D7N0s3irdeghpVtqSHews+GTONcejEo4\\IONF5DPru4dpQKBwFHA5Zrf2QkFQp+Ozs\\XtlcZFltWUaIHv1pt4PGVWr4M7h6Pyv7zzzvjXf9HX4HvGUkgCq\\Hl0bHUEt4G50Avttqi8+DBdzMyQ86C2wbo9t7Z8GjT6Eg5hEIfEJ\\ztdWt9nGVKNVarUaDTIkDqH23VuDxze4np4QGEvAZvB6HPW+0Juj7iM6+G2PnMe+VeL\\jSzYPd3V09Y52hnU+4LAAoI3Opn4KAgsjj4FwEz29lZXVRYIxigo\\91bg7zvz+L3fsNUeKBE7c1rvWDMAqPAh5cGv7srPPToOLDHHas7hckExR9vUQuElN6zq2fb52fnKWAQiAWOQsFP8Gx1e3vW0LHdePu+P4r3XSO0WjQmBIiMYxBGFKtdKIpr5Yc56\\AeWXgpgwPvt2\\fvDjTEdxvqc8Y38AsEA3Qx9n53ubZ2TlUfOfnn87O1vbO9rawXTAw5t6aaVCNa2rG8rqvjKso5sxWASxyGAU97jf1vas4h+5Pqd4ek\\sMS4JR6qFnVfgRnnmGMpyaX7ZHUV3V6Fz8o\\ryt3OqoNgNMM7Oz8428efzPUTibPXXVX0oA6ttDKIESnY26IgTfh3zgvscdX0vZzFutArNLBirUE\\7XaseiOIjY9F1xAHz6KDrqHVJslVRRYtO+EaBFs09a5KpZ++IS9EC63t1UBUNW4yurkJwONtDLFKIBdjF6t6r1VlmXIlph+iiwvgOFCwLct44OnC5WHt8PspEgBR5QzgMDw1BYQUpJqSX\\jK567Hm56jquyafvWdgvN\\AyiNmsbE0O3u2vboNOLa3N7e31xCaV3urs2NLzIDrWH8UlMWlKIj\\2ui2CrNZkMOwa5BBP7qeuVe95aEwePny\\5DybVUOK590ctBky956f9+XxjukEEoD13q\\bs+enQGCV6\\OXiGL2AN5tTq6dDmMHiguNwtColcKtceieEgWxlBAHqGaCvt7nqv5qdPp5HKnp6Mb4+\\eve13318iWqgdX6L6W6IsIGBsv1pFie0etguIF9uzqxCsL2XBWsUc9VCXGgWwWBpFFUUXCt1DqYfE17wHD8QCOR6449u2Kvj7Gvh7pPsSqazg3h+dQ0Hz3bs+6eRlqicpJXYOqmK1YKu6qY3x8TGkkNVZiBqb4KlWwV\\BU4gk2r\\pYtEVt6\\BYm5pqzFbTGVnR0e1SSaaVWzpKADGw7EQRWsNqR50n8Pah99yCekI\\XJqkn4FibdsNbWh635MTYSI9sZYGqTCGH\\9bhwwgFta215dQ1ED7GJvdY5UxqxpzI6xJHQH1d9DIbc0PjY2N5abHRvdnY1vpYpbpV1t9HbXGCw2GRYPkUdhx1TrLNE8canL5LtZvNXvepphsrc80j5yBGO9RaWh2QWgePf2NbioVfBOKKcFHwVk5kibgp29pgqLYrRYGsvFG30C92mrHGgV8e6hteJuEK6tLxXLu9pAOkJBrcLAYvN7t2C97dlV4kF5jNxCKosl4jnU342pXnH\\gKm\\TGo2fu1HY1Tz8kvELBDW2b29bcijzsA+QD3b4yS0bCwZ3JT2Y9FPnkU\\Ce0Rs9WMbPT2ULu5RrYxXS\\VU0vlxlZ8K7QbzK6WtjQHxdTbayyLlPdhWIje8hJxLRiGSZjZGGRyjNlnj3XjuIKF7udJtHiNbe4dBPCzsz0wjbO9vbHXtH3HGB39t81iNru2Wipt14PZ0uhWqDh6DECIWXTRaOa2GsV6dnOrMVoqluK7qeDWVjC1q6HYVRuCJrMoex\\ER3lF7pTe9XNjsySt2M7l9ohsE4H\\9a6ZhM5iFKuX+p+eKGYZz2KOuRgGooF+PpbR8XfqfHOahTIw1lylUizlCW1O7KZqs8VYY2x6q9TsEy5G8Y\\N5cbGlmZH4Y3RM2JWXW2oNcYwgt+98ectzwD1NuhvPrqH\\jOkI1Ms4tuFwNjVUKz2NIpRjYfRm+iyuzs7ttvDMFRvqAUlRl6T9GvOmEyNbcWLa+W1cmmrOputB+rZVLxYLGV7+ig1fQJXqJYVo8w83d0+LNZStYOH6Q2KwikJw2NqnaOz0FGs9vdPozoEPXrr3h39yZZDuSzPGBITMsgMKTZhe6f1trUptgyM3Wwulx3bzM7mRhFf+Fbf7sc42\\bomsC+S1qCOd1HURzB6oOda++fwznR7CaLgpDALHa7HNRYl1bNMru9m1vdLeZWN7PNxmpxYnczVTxmADIs8KTaLlXSlgWd8WwKGWy1PXcFCbXt0T1letdsF5ub6CDBYNl6B7MPbsmivoFQbGxqLDSj6GMVY2NdWjXbRSMYysZL8dqaK5717Ja+zK6lxiYYe2KD9xxlwYRf9RllweRS2ORYs+pX5TEkDI0PtrIAkyiC\\lOlUjBer5fxqXR8+06mD96WBU4ft3WzYFEwoQLq4l243XeL2e1cKbWLspLVYh8W2c3Q6HQoGN8MFoOeRjweDK7NTs+aYKjhQiUxOr6EWIxTPS415wgNFoaxcL+GWWhrbEit3dzNFSERK5Wo7jlyzjp7HuCdzIgVttD3AAAgAElEQVS7LQuUP86t9UShWkWwnMqWa6nYtCcUdxU92eLiWjybracafZxUYy2+FEu5PNup7exavDGbLc7O5np3VzUWo9MbpQ06Bor6Fc36qLpsrAsGQ0JFMd6rQ47Hs5u5TqNVAt3XuLbNilT+EvWbtVklXm0g+O6aqt\\DYkxzUGtM1N6mRrE9tV2MbW9NZVOprCs7G6vHpzdLW6W9Wq43Cpw3ghmt9mt0UxZzaujemM01T4\\Hc6edVuu0GaqXmtV6q5rTwjdmsdS7l0W9GVnSNHZ6io4ExMrH2q\\a1KlTL\\VhF6\\5MEDDyw\\NYlYzCpODIu7Js7YZT6Xi2c1sMe7KBrPZ4FaxubVbmu1JYowtkS8bAaJ92vHx03KrlPu2Uc9ONRslKJXLna+np8guGBZGGaU+B2l+q9NotFolfOuD1wH169OXvQ+zGvmWLMoods+usRnUlgEFqG8tu7VbLEKVsDq7Vdwl+oRsqTl6OQttLSqJk2ub+JDd7DbDgthFtrQxOvplrt4ovT6t10udcu7b+ChlQRMhzGMM3\\MNpHc12HK8UK1aibM\\oOO+7CnfT4oF1BfvgUVfFKvsDT3anTt1hVUCAc\\8Kq6B8oPopG+0sOIIn+S9EwtlZ00sGvWNZnNirNSYbjbq5VKpmjvemCu1xlnDmFsaa9SqOMiSSCsdHBxoTv9ApF1u05DwA8lt+1ENyqJIHNTentkqzMloT1PA9z97+yMGwSA9SZqSiO2Q45Bd2SZuy6sZ7RLc5qelpc4WcBgbbTTHlk4RBZ0FwpErHzyZlcW3ZcGdAgsyMciYQTEotH63wf2saml6kVRK+pnrKQoiTqxhB00hn1pZmZyc\\A3k42+RtbFRWnbjjOd0FBUXY50eJQKlgdd4\\9tZiOWl92NbRXPfo6sVSGtVpP2c3sShNWJWJYEREAI7O2AC6Ag9jQERdJL9x8ktrTeoFwjjGwwKpviGy8bKZObPv5yFWDvdoFNJsVHskhJP69lumaRIZ9eR9g1GgEMCVj8GgNdRrFDBqywBwaKBxccdJo8an8uaWt64BldLb9QmKR3ccQnwCFkgHJK\\ubtlKCtyQICqfAvMBT4Vt3QCBAAxAOyBsETmcSygKKZWzCxMhvFxVB+0Gp\\jN0bHR3On46e5ZhNKSJRNjeosNubG+JfP48xo0WtpsIGi2SQwtDay7n\\wXHAciUHwqeuERCSigzCiwCwWiV0sQuAIzRMUH8dUw0AsJnKtU0+rnivVirVGqd7IFstN3UVtzOWsz+csdT64pQ0bNUnxupbS8yCSCekSOtJJuAgKYIEX26H1duSkVSSRiGfF45n37Ky4XJ4VV8AVC8U\\anahsxgp53LT47l6qtWchsKtVWqUc0zo3mg8HxYHXmuoSDuBs2jPv9NmKq6qvQsDtgqXZhU4U6VmESqmUmshwiIeD+3EU4FAMID2Uw0coZNcd45WggTF5CjTj5qbKJWgpuiUGq2xWi6XddVL0zma0lIW3mfD4gCKvnoKNZDrHcwiGCIqDxEc9Al6jr\\h0lCkjmIutMYuiHavDRQD2Xg2juP2PJjVUSAQAajwyBWPoKdHOwHqo2K0rYRZbNTGWo16rdbMFV83I67mWGprbEnPZ58VC6ZvYG0hFEVV9VRclMNRKJiCG52AiGdB81ubxexWMZsr5oK57NpmMLW5GcEOyhNPxYOuQBx5rakIhG8awQmK39ZGGRbjzXEI3kj946SweM2OPzwvFgwVWwOxSBFtg+5dR3jlVvAoGMAYNo+yiAUK2MHiZi4Ff7KbweLW5tr8ZmrzKBVMBV0kVsxHVjwkdi92ZVG\\uWYNLJDyX6scXrPdVyINq\\cpyd2wOKgiH9Wkd34ghQikUllwX5BNoQOjN13ZQGAHh4l4sYHzqxBafhpC6x538NmqamkxSfLZxcXFLhT101EjCxUHKxvqQNBzZYHtIhenLDYhmUoFIKVCPFIhdHZ3Nu46oiXFDpvIklx2agX9MdQWOomPhMVvU53f3y4xU6QMYm5+LKEpbS2r+PxYiFIJsQjBfR+DOx+5HEiC4nDbH2kEaEERMRcVqKpgCgvVKgAA3VLky8SXbyD+t3\\8obOgM0G6hBnTWxqtS8+RhVgDJ5VzES8EcUGtqvEnwLOjnyhsNAm966FCoIeNSWi5HmQF39QhTbTh4Pul3rMPerNo1p7lfoMHYrlz2ozT85sxhUiEAMAPdnrZAzlqjG7XQk9Ylb7py5oOjDsn8Bd\\vJ9jptX0YGHcm7PVfpYsQHPWeqdEb\\2deVxQU\\VDSUd7f6gBi\\SPN2vBG7UcdO2N4jUvsFQH+sWX\\OH7DWbgupuFvk8quiRX9T7TfThF8WW1jA+YN937+OY\\rlbbZEzz4EC83WAmXM9XNkYvgcHuy7k0muOf7b7NaNhYqmpnHKJbv61NIDpQFW+aUHGThvZLCar8zphh0Z6RhG4XS2PNFi8+3z20yWptiTlWu882WdoIyA3PNkKXt+tNds2ejgNRWBrVJ9fUrKI42M\\8HgXMSirnRjEIjANrnygfTa6xoMk1VZvNZpUGZ5HcNwvc+iq38MwmNLGJFwRwhC\\Fl3jPBLIXo\\rZO2Bxvyy8aqb7Ep+krrlBOr+M3epiwGIgAxYDFgMZsBiwGMiAxYDFQAYsBiyeSt3t9XrZhhbdstBLZzCL3sGZ0T+OhTq64RUv6T4O6u4fxqK36iUrPsCY5wRJGrD4ASRoVx4fSIE3T+UUi1+258PRZDLpcDic6CPKWb2DPu19o5AEBWkeqx607vT5CoV0Ol3w+ZxYHFicDrttwOJ+WUg2uwNpPk0FOBRAfJiEgwo2D0deGLC4VxaCI5FIuN3ugio+n49ahMohmYxGo2EwG4AxYHF\\0nbOYBTpNPVIKgMEIJy3y36LonA8Eo6z+NuDs9TvTaTkDGaRLjjV2z8PAGRAYAEICgfCqwIxXbENWNyTh\\JyCYLCEcUAkFj8iAMCYUCBNivmOYWzDuYe3FMSFSVmkSQYMAoqKgpORYF3juYUXhqwuBezaDswCodGwGJRcWh2gWkIAoWhKO0Bi3thIfgQC6df58CahoWxDAoDDEMYsLgfFpBFud1hC8sCvspy3m63oxhuUVQvpRkGP2BxP8UFYlGQWaPw+9HBkGE7gpGPRvMW1jAwi4MBi\\uwCxuqLhxGFnI0GbUrHDgov8zZow6Lbhg4kxIGLO7NLkws5Kgjb1F41CQUBKjuwg5ZC9\\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\\mynY6IY+1j8dHh2TQh0Ufo+KHPyQ6SUAQQptA6aA2z9AzO70Y3tSg58P2qsfBbfGmnL2n3c3B72hX0Sfbb\\U6fu8Cw4GRHlzh1GD48OKiO2LrT+tgt9UNJfZBEJhAURa\\t8cLcoaGh5SF0jGzV9jxYiEIU+450WLcLp9tZiDqiebvFguxCgXvfEQV9utUeIYoiXN7RR5ys6CO06hgViN1OGMhktERvzWMSkEmjRaJDy1iAhk2wPlkWXYu8Deta2fRHslmIVbidMuOjEm5f1BmFei8c9YejdsgtCw6fz+3m9KEMZBlJVcuaRElZgCSfV9XeJbJsJNGFAlmFFzgsgCwvi5CGfW\\4HnogEF52cV3XBtYi2vK6TQorOeygLj0d1ccuLA4IsA5H2OFM4s\\RAr673YkCx8KAN5DzxM+otzZKuIjQ\\JjRukwZsCSMRkEdlA2fw+AdIihGFhaGDqzC926FO\\Rw5oDiAAoFRPCsP1A+uBx7HuU4KMUxOPSCw0L0hyWacBfAUpzJcNKRRzgcSac7nXA7DWN86qir4RmtSDQYRhwG8cuywShot4tGbeShFkawLA9JNukB7YLZu0DbtEOzU1rDat6Gvi6p0\\7oOChJ76NagomVD8GTzLeBJNKH4ywA8SX9SH0qDns64UDhwe1Mp6OFggPMxp0AFxVlhvh0FqRbaGDB6YbRj4U2YKUwLARsFbpZEBYLwMLqfUgWUlct26urhgqrNtU96uVAgkmyewdJaPS5TvqEJ0NkxZ+jFsa1gA6TMwW3z5l2OxMJCCdOCB8FeJz2K2bDEFQx2YWll5PqRmExxgpqFqi2Y8xiZGHZ27aKj4uF19RHUwsrOt+VSe91ZXdp3zz7DFVWfkUxsginC+CmwFx8BbCLZAFxcSeiujth5yKwdsG6KP9lLoohYWFR4GxW8kI2u4DNYhg7Ka\\1IX2UvsAdu31rm4wyqz0Fovw+aaR6wxteVtWPlI9GTbV5T5r6dBZy3lkA94QsIpEETwVcIFj4wjL7bxgW3SiUy6IFM9nEncmnL2Ys2sQG5KFEjIJ6qGFiFw\\HAgHAXUxk7cjp21FjJkz6yEhoBukwIzGIltOr084Ug\\ZNosPAo6tuCBOFNEQKYAGxwwlBA0K5bPDuXUIjBeRn\\n4OKh\\Oh+Vo1B6G8kVOhg\\dmZlkJqw5KKset4mHoizakld8KBaCJU\\uX1lLyjGNMEMk2ZXak6ye5I6aC+ih965Qq8PAVhF1OAu+tC9dSPp8YZ8TPjvhmdORzMuW\\izI2\\h9ibxjJtHHKBwzlcxMIpOZyWQO3Y5KuiIfKs5KWLUKvAEctopl3UORPOqhWHiFvNqh0ZNzOy6dwowY1H7pTd+HhFpBMzAQC8hkIaVNQ+blSKeTaQDhRPGiALUfa10mEJAyKxbO4sy4K2nfvj6FwSBuYJE5OaxUMuH9mfSh7zBaAbtIUqvARZ40NMTYBTELqf1A57GKog0NooRJt4z5hfx670ybkCEIfJ8b9HoseL7LMLBdQBLrRgycSScYiTMxk0B2YWBB3wgK95mCUqlEDw8zFUv60G05sbsrlp4o5HRiZmbmApmFfJi42I9mLpyOw4xFZ2HFLJgsagGhALN4kJxWFK1RB2EhWzhec6I4kxrCWSxImyweUolcm0V\\corJSbkTM6jGgBLPjZwKoIiGUcwn5bX+br6LTOZi5rCSOAnP7NvT+wn7SbqS7I1CTiK20UQinPfb\\XkUVdiZV7T7ARZA8ijSAvFC5vJALLxeC2nj5xXbsnpv4P8UumG8JK0iLGzm7P4qo9AuCss8n+9NAycLaNzTB7YBNzCSGbcPjCIvGwoC+oaOjDN9mL7IOPblRAWuhxs\\kZmRr05nTXmAoEYMnNSKQ2prUJTa7YfqmYtS2IlZcMvDw8M6DPhvLQ\\hdhJGASwEwoIXbuyfCjMz4cJhd7Gs9i5kskwPjcYh0\\AhM7XbZVaHWp2Rd4eTbovbbU9bwlGfIxx1yJBeyP17H9jZ+o3zQ\\VSD+3chnAckKFVNH4BKA4eiIWQxIMr3MjwMANjGduFl\\oozSqu6ZwUvyWs+J12izOh+CzJE4vPndzvzwLf0zR1i9KKRGbm2BoSBQV9kBaKYiq2UU+2R4OWnc2uKKbCW6BEkKA7rn0nm+rdkgWPWcgExTA1C2yuQ2SgixiFwT1xVKH9UqnE4T7kLpl952HFvS\\PrHOOhHDCCz1rNGbCmt\\UUu2efG6iaGEx5NEfs5g75to7Gn2VTd3fWHrQ81gxi7CkoxhRUXhVFG0B\\tt+C+fPy3l\\1BEO+3yyO5FP2x29YSiJ9CG\\f5g5LMw4Zi6cmQyU1MI+byqYNYVSFHkl72dErhtXAiD1GXonqkWo+bcxA9cS8bxmJKplsC1aq6Z\\dRaPV3xgFvKCCcWQahWIhQDFMOSZaRwqM4WKO3PirEBiP+PuYxhpZ8Z2COkQ4CqkE2nZ7VQEp9m7sUpFt3iHa5Hpa3Le4s\\n652yxchCb7NrJmRXewS0LNV7BXiESV14RmcWsAagTeO5lxVPt2YBsZtEC9YqvIyDslxYwpWwY989k3AfujmUUKYzDkhlHH18FKiKl5W8TObYcIJp3IEzs1Dspbq\\KZTqrU4nX891GvVmp9Wsaw09CxNadAp2YgtRVrD66cpLqnpV+T9yS4vbsnAAC35EKzvVsK0lUIKg7FscFSdggGo4s58B53PodIcL4YrcN4FCf7oHf8wtKYrCUm52cvUxPtdqlludVr2cK40qcgfd\\hZ27ZKsN2lUp4RjAlmxgWsjRum9p9A+ahYCsgt+wYhCZHNZQUjPOOWEG09ichaSqPmAJJpUaASn1ZhigMEbR5icPlQ\\VKBcdlhMLJRGh5fLp3yn1RHKnUan0ayPceWc5qMsauYr+00+n1Zrqsc37fOijoB5vTfdWPqBWFijTqeDWxgxOijGKvAqLe2+1jMaJpaygtYX5aFYcOLarVI5vNjf3z9ZX1\\\\\\Pnz3x+QrB\\imM+waHWUevm0hvxSq5FrtHL1U8XfaKnB249twi4rvI26nMe+4PuWdbcoIxZDC4awLanFNltnd3W8mbZ3OJnUlI+0fwKyvk4IIPkbC0bx3\\9++HwYVTg9BkDcznXyHX+r1Gw1ouFWvQ5JlCWft6jlHjYKvyCxI43\\QhaiaHX4nIq4TDsfrFX0JKGQQQ6odpH2UTf6cH+fKJ\\IOisUBCIA8h9NPsxYmHBsUWQ8+h1u8AqyApwoafWZn1hF22vwPP9Gu\\B6IZPyWw9wR2aIGIW2kRD1+KRlhKZr454RvveR6zEwYCioAAgBBoEu\\3WzpR5Wv0wrPj8uyzQWBIVdeBbn60FaGxbwsCLyAHjOPJR1UTJTPjGDGnZI+6B+JPusMAhUT\\RBQ\\Df\\iRAPhvqixaxD7+FfoBLsmgsUL+Kk54HC4kPc1XSIyOTm5I44TnUdU8esbbABAM1EHz40MXhEhb\\kZmk1n+q2P1yqa7US\\V6owGFXqehbU6BzeKZnI2LhpMspEWGQwRfQCAOL0y3\\wkTitVgrEfkvigMLPZP9jPr9HGUsQvltN7xNzvNeqNZypVLqMbo1C20KYWqCov0fM5jtQr6otEk8Un7RuX3otBF4sN\\TTw+fyYv\\f3fz+sfPpxkgOshZeFn7EI5zdXrTRtAgJK70em0csVcyaL7qLzyfNbaoz3n1ExJRslR5vBE1frnvy9BAVo2sPgMSVXlM8bwASzp88XMxUXmcKbivkhUKieJysn+foYGb6axASzAFE5rUHQ3ys1SqdSBGsPIQnpGLCBmk+xVyCdQvD5hlf6ZENHYsDZxsg4vnfwNPuziZP0kc1HZn1nHLP7OJDL7lZmTdOUwnXHvH65nKhdgbCfrTOzWWDTLjVan06mXWkqp0YCYUarn1UoPFe7PiAVtWaKKVgq7IXm6MLsiTQ7d+5UTAmI9c3K47p5xV5wzFUciue44zMycHM4cEif1oZKEazMVsI71vwHPf9CHHjoqTLHnt9Qhp7XkZbQUBnc+cJZLK73nx4Kem+NtJ2fAME7+1h3U\\snn9fUT+HJyCC4m+Xe6sk9Nwn3o20+e+DKZE7cvk\\jgzhTWwRVRu\\jv33\\3T6L+8yHKjuux4xYy\\auheNYsZmYq6wQFBNuTfXhaSDgzjoSv4nZnkp8T+\\u0sVSBuFI5zAAocE\\roPy\\\\3u94uI\\HzIWvYWizuFQq21ts7Xny4JmVEkIF4efPyAv9Pe+D+K4GxzQRWbGkcmsZ1Ddsb++TgL13+s4dvRLZvuj+O\\nQ4dF6WMYfj87L5yy4J4lC7TkN3FIFXySPnRXLion4KXAT+GM6u\\PpjS2LwgNBQoeHz6vn+xfQEBJ+BxANeGgw3WWXjD8XSye5\\5REp8Gu+ih7z7Sm8IHwLa+jpSfKDjCedztRktO8HihCKZH9skxDV33mtiEOyCy7TmygGzK4ktUPl+bBXJmSO\\rJ+i+P6xkEm48K5njbXRSntc8rixaIfbY8aCQ5erZ+mjVByc9UxaikHevX6Z8ovr9fTRpGG2RhuaWIeXzgs3q1Xva3cdHqz\\DK0QLedlvGDztK3Z72P9M90TFdQafXu9SP1I+8vdOZzKZh7saD++TVaBk1359dZNX\\+TtcZAFaoCFo3btxpdlw2oD7bM60UO2PeezcUVRqaBb\\wJcDtrSF9\\yEnE3dzOhS5SZaWTMdALjRDO8W4ryvPczR7dxG+0HIA558Tgfc7t772I2BbwRJ+tL4\\UpTsbFHhC9Odtz3+e\\e0Uru7fBnbCQBL\\dPNuSzisj+6XQpdfigAXdj48crK5tb3CHLETRynPMDik2dU4lcza7enDxs2bxA0RUV81KovRkDwz797DwPu3Twv5NLLzaThf\\MhSDcycHLAYyYDFgMZABiwGLgQxYDFgMZMBiwGIgAxYDFgMZsBiwGMiAxUAGLAYsBjJgMWBxiTCb0Oj7oog3fIuDq4e9r\\G2j2T8\\AHtwnwSwM33ThG\\iQfeK\\7VdVTMbI3\\TO1CIgcC2HiLHHW4Z2byNvGG8wlEsV27amsDNKPqqlNC0DWC1fvvZ9Frcyz0a9t4hcsnCzOZw4t9vCR\\f0Yeuq6joO9Ua8w2S1X1MJQel3nR0hB7WBaky7ZmESVejsroiLwHdVP3zUI0TeJHuzq3OX\\d3amQTYrY\\XH23fw1YeBIIdWbc+PjS7mahONG7+ts+PSqqGIFKr2uwVMRLfiEK7\\1YWPG0I+xCPWkWSXsSFQujDsUGWhErddkAfd7Z\\w1lqWStQ8LUeKi9HQH5AF7XiJKQpicz+GI8tK\\hkXvqc0QETh\\PulLZOgOFd2Cdw7Bu7kcOqXrhFrvS1v99LUq47mytds00IINf1I7BCWpWLujM7zQtiT1w1As7Qc0jaH7sQM053VIagtKOepMZCo0IvSEQBBoUrn6oOcDULuttfT6nQbj9WldOgAa5igQ1o+ZhD95waxoeCbkHdo5lD6fMyz8K1iINN1Hu3y3eSUMEHBYPukLATOoqEJhXL0QGJRV7Yy\\0wTBGC1ZRa9xR3HwT8xpn+gjKpgMA5hGMSftPNBCkn\\6LLAxHHw7sPKWeqtz0YPAZw0DXi7ZU+B17mpViNXmO7O8bh28NF7FJ+ndrh7S5047zPFAcHSdy+rgnw6Lnqtd2pCh+vOO9MzhxUn\\yLx+sn\\YRQHtdcQKd2XpdsDn3nXLeMtmODidd2Ala0ffYnEwiRq6JqlT0A4ndvAP5KaGbmMB2B2R1S6SjfOX64UrYsIJ3mbtsAtEZiYz43aT8yuuxwLvO9l510s2SlaGBe9QtcweAp1wMPEAoeh1arRDeEIsIE6i80e5MnijXPP0dO6f\\pH5gg3MGgt6fIizkCgkfPQwEcqDu7JGbr17axICY66s61lIslpmzqmPaiv5RGtUx5Bgj7JPPsxq5KEbuCX69aVVqAGE5unGP0jG\\3k9Pv5PLwisFagsMqw43AlfJp2cYV6qZDiRaRx2tZTgYb0LBaKBeJwK6oJka7gA4cGo5pnEzAx88Wtrlu0qB\\USdFwMuiQRlkTjNv6PigXcRTaBs9hVCNQvYBhINv7Ry4TLIrOBRRKdVDjjdBte5CWGvu4Utf8Kd4qVf5o7VZ0TNgtsHB0amyXFh0BE82F85yewthELkLRA35LD34rmk0ZiCEZa0VcZesVHxcIr+R2tTufiFDSvOgRC4jUyivGNjbmlX345NaaovQKziYXTWUg7fE60I9uMZhwc3mu4LRkO85b0c00axCwajdZpE0kuN9eBL\\jVjTq9yIH1q8hcNJxP5pNyNJnMO8NuDCNKr0lii+D8SjKcDKMPJzotE12RSDi0U1xtP64UH7qOUUiO9b+7vDPO68fHgcKvv7569RfItpEDqDeRdmK\\w8KhoQILxIuEm9yuSNA3EnRbIt6qNW1FUVC08yyixCzednKlRqPUGi23Oo1yq05efdeU8TY6eXKrW5IyZ1m25+W2T+B4v0x+SoIchhgmpqBEOXTknoP3+y2CIjjJNe68tt03R3fhfhQsoGg6+f3339+\\f8+ieD2+sbQEFP5iJMeqO4E2Dc5AhmWIzDOXSyaR59S9t9uaXQgWi3pkH6cG7k6rVWq0Ou\\q4DPrjcYGeXUuig8DchKngw\\UlcKOMJdQ7JwjSX9IEh+emCQuyWKxCBYAw4Fp8LJMb4xEkqxaRmcPEBiPxC68lg\\\\+Q+mQVC8xsbwyoAByZ85gwOC2x5+pxmDV8r0JECyF7fPEbVzNnzkFd6Ku00VYLOQM\\zwqWQd1Thfg49E9wS+MdRw\\q4F1wmc6v2xF5rBgSKhmV+igN6M89Ho4E70uGamAG9DzqZCRwM+MhaIxnuoqDYgMiCnZCbxJ0jHkCQBi7QjcTkLpC9yQiH4grYVH5GIBYjwvJW02XkLp53axZ+S+4GJWoZ8qoOutGvZaaIXercC11jciRkaqXveHZxNE6FrRwvR231K+Q3ke+IFYfGf39+hEE1IvNIQUA5dLJw+n9Ph8CVIIJhhWajZChhC3g+KxsOr5EQujUa7beME8jtD8LCRcxOBxT8Uw2nnFDVCciYaTd5msyYpCnRgFsRrn9vEQm7bBNUbOexO5LuiZhYWnYWNM+1EhftuBzdT\\ks6hub19k3MbsLi\\dLSEoPiz087Z3\\unP+pS4eofEYPzOxNh79F8ncwhWQGDiIAABvkSURBVLKfq1bbkvfl\\70c0pMEFkcbVIBeHEJmgQ4mQwfZcao1dIqzZSgzy6ONJovjFLFw0HrCH436ZZ9TDtvzBhZ5YKG+Ygk7lh3OpM0nOw3mKpMfiX8sLxtZHKCavXx7qd4Bi18MVnH+6fxjF4srxO1L1svV6jft3AxyhiYRhocVnxug4AxmSOF7sDhtNMqjaBvzUmmccVUMi0TCJ3NyUuHCkl9KM4pGLGx5GqYcflnycVEbz1ncCTV2mVnYraKpJVZr\\nJ7qfc2jJuzUP3Tn5\\O\\\\yKPjEsZvqEZnc67UxGZQt\\gI6SwUcta8fKGmCILAwO7WlqZGHj1Gw6l2u0RrPNVi7bfM0EDgOLcFKWnZzssOS1\\AhHEWQXdvokH7ZzPsWh5P1Jtg8CLGy9WaBhErG2+w6SyJsJw8Iqfm\\sfkvNgkaKT5\\OPvZlkSDtBDdm4Acn49UPu2YO09Wtg6GhwtBZULWgeLFBR482TpeW5ppLS+Njc68ZGE10rapVt8PndoehvCbuUn01DfHCJtNnaUe6kE6mC25HmrnE7bYYWRgdVHn37dtfXt1QdCqt3mMk12XxO6RRbw0o\\jzf2fn059mZjuKso0Zm9OsUnGE73NFW77KZQhcO1jy85Iy+fiwEdWR1HBWa43TE+7WWU0Ee1dbzKJJLGR6jI+Y4kkcxmncnTL1aN9+PhegFBwWp3I1ZvPp+Fl7ko35H8lZHQXTPcIBnf55RW3A68hyEBJPih0eGLyOiG4eX4uhmgQ5j6rwmEMayY+NF3AobZ2i8bqFLOaJ3t09JOiw+s5bdDpT3ck5CwWFx5v0F8yVph2CMF2xnDqN4fXMWrxgWt+xHQYJ\\8V\\MQqsr\\jTJGZLzlDOZl7lqWzvvXedAD25lzm\\txsHYBpnF1oNF21afIwBSxbVc7DUDA9MYLWPzcRKNKk4hKtvNak6HMdQoecrJ6LjYtFnCQk+7ILECoRj\\5bZW8cvtWSC1WDL\\YBavWLPQKJyffwqEYrVa1foNaRPptReJbhbD\\YyD\\NReLNq1JtF\\cHVzND4+N2cwjdc5Uon4qZ7dfNTiMKvZx2EF+0lLnY\\6k5ZwGg+zkmFxJE7F1pMFclAExU1Z\\HoXLPBNapMzn39\\Z7QKBCEQj3lq09WqJH0TXw5REiMLrLaHewp+vY9tqFHDzAKflS20luaQFINbS6lx\\FCj8W6jbsM9FIH0ae0WTiHDqFjTdPA7byMnYybBRNIFP2\\nuDCdBUJng\\h8UaFt02gYfFS5SVAQFkgdN2OB8qjvYwEeI7zPsDg7D4TKUKzRE3zRG+Hj3Yw2MXyF9ODBxPAeLJDUmnNzUHQujY0ujaKvFAa2jI7aK5Hx4KmPmW3jU9Xt4AkLm4KMwed0OJ3azB1tnpSinpNuYiHVVBTA4q9z19Tk4mQktUf1veeJfALf8SuL4NWrs9D82d7qq1\\\\Wnv1y\\eyIANbB4LFubW9d7Z2HijXeHSAWNumHSWOY66JhK7yN0TUB72MhDUO1TIknmFBO0NI6mNLRtFonELuTAcnosjfoMk2XWr2a++U92nfduiCntoFGwODYfGy\\gvuA4G82pya+PL165sXP\\30JUWM48x1trh6fv5XKnW2eX6+dx4E1\\HqVep8L3AEvDZTe6ns6l2wEHmF52uIAvovWuEPc6i4ZhS9TOJNl1wJg+RTDAudhMBzJTOMJQLjtMxrZ14qSUbRTk3JkOLx+qGYURMGVcI8Obee4jCw+PVXettvTi5+\\PL1DWLx0\\A5YeEJTp3F59cmzj9NbQaPXJ88R5uvXm0Fg+eB81AxkIoF4tnvZUEGERStWYowIOfUhWJBS18vQ0FxGJj0MA2GhaD10TlOsfhbY0ujo7+MjhppzNYVdewDrqHTAc2qDuOBEI5cY0\\q30gm2Wt4nYYxXoQ0DxRfWZz4OAGmgWC4iI+KrU0H4vPnk9up6VebLtd5KAjua3NzbSq1F5\\aS8WCqbX7YkGOejdbxfCVIHraRzcMAwtiEhw6Ujfq6MwiFFg0Fk0n3i4dKdki4wMwe9zySbtMBwjx0bzYYpIIBCt5uu26CqM3i8DidHxzczMVDHiGXwTxS6vxwOZZPHgW\\Oss9Wrv7Dx+tgXOay8QOjvbOw+92toLplbvlgV2TvoGvV41VJi905vrihmH6qdYFgIxCotsBy2nE5lTMIxf0Ad8RSxGc75k2C6Tsy\\soGXUKC+QG14VPJWcXMReYwSBrsnLBhi9WQS\\xLZXt\\e2imtZlycQOF\\tm0C9Qn+yf+n9qDtjQUmoB2LjqL3QZRRvbiQm0+jLQkF3PFJh5vDidBTjwAYy1sygEam8HZ1VIiOrcAKvSiXjdjo0EFBcg+LDeRmfEkCumdGuieKLfOQa2a+QY9eF\\ixSX79Oh4KpVPBoJxY6ck0erV4nnb1HFshBYf9kMIo3N5cuGgCjh10ofnQ\\F9zo6NeLi9PTMZDTZiUzgxQaxigsxI053Qk0wp6ZSaQhahTwMGrakYzSEzRkfE0anx1emUkUUO6bxtc4k5fYhVdnsTb85uuXicXJFU\\EFVr763xqGzL+VZRQ\\YWpkMcaj1XIamlKe2csDB5KCxUsistU\\uLF5TAMMcMcL0jkJrEAH8FOhwpRHzKJSeCNztE16LRqAoAMbaHurI+SoAey+9E1Dh97TUK9Bgd4NXq3e7PY\\vrm69ePE5PTiMX5misCBPbO9vZQhKCyugpObHsPPlZ\\3d7eRk9f3RELnmEh4QrPGCp6uqcXCIBJejHpihnLy6Y8StBxQNyNqokPuBcSBNSpIjTZku35aDSpZUnRcJ7CMl5jeCN8jUX1Tz3yKIbFq5DGIhaaWpxeQ7awtwpV3atVwIBIbK++QjQAxuqvqwjF6uqvd8eiraMwR+1eHPqIyuJFL8sY1kKGub6wqdUDOqtdIYdX4aOqNA1rE9pIZkvO4aPnH6oXMdeQQ98t9DB2PAWLHt2gg2j3ZbE69RU5KfBRR2d7ZyRa\\KV9\\mvVHDG0cPFr6dY9cyMLzSpEryGVNaN4cbWYWBhjhpGF1gGx6YpkRZ3kx14j9LrGpiXmPS8yvk93D4Rl8WrP9fEjYnF0puHZ+wv7JTCOv8AQsCm8ws7p1arOIhe9cxaGWGFC8eJ6PC5lsWCyCw0HniiFPwTeFQjUdN2Zhei177fpO6nXdn2vfTmLV6ubLs98KLutvfDXnhYq\\treRtFjb\\tXCBlapECyXbf3nnB1UxZq4L7CQb24tlwCg+\\VM9dHMqyCrXZ+Hgp8Qm0ZK6u8O5a+LFD\\W+uJvFLd06rundDDX6mHUu1iNWxX2t9tF+j8LxWFqNYV34niRY+YcU0WNlv5k6tqqwZr5hv5R7EgWr66Uc7OAdkOy4pN\\P6clngoNW73dVA3QtGfxfJlLJDmy+dl5FcCMXAwtVCoLNw\\C9HI4oohi1fdKHJ1QNFnNfoNWKBJlsa4vbzQq8DrqfGffvqJfEGfLsFxAxa18xp2ToFyuxo\\j4c+lX+AXdSvzaLHXBwcK5R2v3mct2Khldt6XXGVUWAWP1Eil9gGYxiXsmjbqikXftkWiAjBT5xgcwWq98+ifAO76DaL3ahd6b\\RxY1Y9EyhWBIv3uBUtTcLs\\SEwUTvy1iAQcSCPGVR\\vSJh6+1YNXWvo+YwY5flEnJdjOZpYJiBd4u485Y6EXeSDeLnnV2bxY\\XcHisthta1dRmMBUAuefqtPTVStiYbtnFmK7Fo5eW+qm52EaK+6IBeuhuljgivraKH66wkldysLGofSJspj6+dP5p6PQj2Ahtjnl9oLW94jfv6ZYY6E2Zxd6uCis1C4I98GiXftEWjLV6ieQczxD62iq2r5vFurahNuI9fLVZjdk0TNwX9WE+qmf9MmjrmUXNVzi2aqTR2fnlMWfQGP6nlmwK2pvu1PH3fgoOr79sne0wE7quhwMLF68GR5ZQEFohC0wrmAh2KzHHvBOZ6pd\\Hl+tLMj3G8e1a3WG69J6rsw9sYs0BstD\\VKom5mEwYfNTxk49AIdB7yjJHr5LTAItg+nj8CDMgsCIvzn3\\++Uex+C5fdVd2IXqrtVq1R7RAd3etvEAsY2ThahZ60Tc8ZBV4NJadhySFu7rWg0AhVI\\mAyhSaCzOA5iFrSuyGLsj6pPepXzP2N\\NQvRKecfthfN+b2+QsxGorVwnV1umzSg0GfPNyMgLYPLiTanYakzXEZRy6cXwmy4W6lMtolMXNbSw7JUQDmQb0YWr+lHo2fH8JyqExfnPO5962oWNzOo0PGeQdFGzXoMFGIX9IuO+saiLDJTeG47emIUotlrlRr3eKtXqrUatXmrUaqVWrdw6fjPcqFfrpVy1PFwvt+DF6W67ePEG4oIkeZeHUTtEtQu\\pQ35gFey8Zyc9I1cZRe29vRO4JOBBVD4ORCAT\\NdLHg\\Z2Mn8NsEAc8z7+peXd8uRKv94nMmfStBTPLC99sFyqO83lanlau3Wp1Go1xHf+FBI9cqjbx5A\\ov1RsLjTLQAum80QyBfn2zbOMV5Irydm5Z91HWJJ44gKYVpN2OPmNJjG4mdz59YlkgCFSMLNA6i06nUTaMSpTKYAFCvW4YEMHmI5TL1qtZiKI1uv\\5c6ZwK0E8ovx3sxAoi7qtnmuAUTSqtUb2uAqPy6VS7c2Lkfo3KVtqvSg1y8CiXq6bWbxZELEnsqDxavuIxoIXeTnpcML\\1BENOxauZLGygqO2ykK1CczCZmJRatZKpXK9Vbb5W3VeKLW4kqXWKvGlElhIvVVXLO2yAt8W4HfgGw3hShYUxXqm4LuRMDCi3z3eje0CgJaauVwp18g1Wse1Rqt63CgVc6V6DXRa6rQ6tdzXWq5da9U7ufoLE4sFaWRZlNoIhyzbrRoL2ckNId9lbfN2X\\pKFtaVlRXdNM6PjhCJo14swJ2Vxzp1\\vS0kyuPZnP1TjPXaIIl5zqlUttaz7XGGg1+ttVsnZZnc6elXIe7Ol5IdoRifeZ2LNJ3xIKkY5BHtZe5mvebdWHE+m14WBqZrg0vDKN8qFb+9ubbcKmOphBMT78xxwsxqdgkvG22IiedNo3FkN2B54uhqWLpZK+5ByYftYLkZ4ziCFwUiMrCY7YLrtzKtWbrfKex1Mo1lvy8fxdiXK5ZKlltwCDX6cBn+FPKWVqNVusKH4X2xUUobsxCXWSTTt+hXXiHaHWxYKou9GqhPdKnvli2J\\EUGlB6Ou2wahWGwgkcmq4UjYbzUedC9\\wok4IIi5X5nz8BARQuNBQmFiD1TrnVmO3Uc6XRVqPebNXrzVKTsigBi3JjrIS\\5mrAomG7ioU1TFCsz9zcKtT4fXcs8NhqV\\\\jRd9xC12GkjJ4pzyoPBx2MHYhOJN2hUOeK+pzO3vMG+xpFyuTKzvYNhALVabMuuTAH5WbcPfzpQakexDHWmWkdAjTbQ5iHl9u8PAVvs3XIe7xl\\soEivwjqJ6vEBbqZJHDodqBaw4yC6UBV\\hEbFYyBd8EJ3DUUchkXBKKoo3Q+2wM03S73QyuowT2qtZTE4SNxUIMHmUiQXc5lVesHbQYKyVF9pWPDGkKlTVVQSC1SaQBBfNE7UJVuHyeKFU6P7G+9Qu8HzSSibhBl0nh6x8weybfHmblA87Cj6n7Lx7FqJEy27MYsQwSfBSHKKds5N8yemIJgVcYCOasl+SBA7NGbP4o+llulZs6CofRViwHqoHC1LqWdXyG\\+lyazVPAWnz1AUaxeKuhI8jbYQTeOJvWjvvkrGjVb5RUeSCufguLBfUZIWPm9XfD6LBcKkEnX6LWFOcdwtC6\\FznFoldLQAi\\wgjws8UPDwtByG916EporszwsLI9Yh0faEtx2wzqLETsqI\\DkSogMClQadrufE4ehvojm8euovuix\\qKbxSSYxW+TmAVjFT181B33oxS3m67EnEHb7V6QTRRn0EJxYOG1DIU5yT5sV4byik2wiHweXkUDF3bBzlm8HCen3XfGAmknDymPXHA4eMGBdugbgbg7ksQFXFiO+rmoA\\47edn+RsonnX7Zy1TdwzZLGC9SyfNt2vIIR8OCYuNlvHgFzCXqGKIsvH191PEkFsLiZwbGzs70fbNIp1Xvs\\\\hw9+fK+5MIu3LpCsV8EJRSV7gBK99IWlZdsqCzSIoSXBNsjykRPmhpAXyxzzY0h2y8Ao2jhMh9RGXOaskCG+WF6RhcMWKIHi93PKIJNve8EPW5RfDcPnIwvBP7KAS6o6jHuzyshcXGmiCvsXv9Nu8Q+hAACWaTiMHuGxar9eTxSQqMn5mzaInC+x56BggMxnUpj5j+oW2tu3aLHyJzx8+fDhJFpIXmQpaMusrOCz+cBTSddkZlX1wvyrRqNPnA6+VjCYV3pd0WGS0C8Bd1Rd4lhrTpb00UhAI7CNK5I1F8YK+yXEMyajX7oSg7kBrJiB4q8uKRa4vi9+o7Hz6+SoWNp5Xp3GiybS8PquTzq8V2Pmcwg1Y+C6Axd8z++6ZhCNacTjV\\KlA9rLHC\\e1dNaX95FuVPouWXihPoZb2isuS9LyMh1qgBCOxh2G1VWREH4xqRHvAryMArz05ifGPDiHI2qXUVcWEqiozNs4fz5K64shuqj4OiwCrIcCFDvTXYqE+9MuR\\N5ng\\n8\\koL4cVDkzRjl6FeJUPc\\DUkucVuz1szws3YDGzDjAuCu5kIuPYTxpS2YJOhZYWuLpAO2C479RHyZYoGmiAXwfEHuZ5v2Lz5mUL\\OFGBMFuEXh\\XkYfUht+W5njeYsSteJWOZmt9kJBFR+OEE5fOsw7orIFLYiwA5qotilIfxaTGgsTih52gZZXyG6nj7M4k1DdA5EwPCIrLuCGcLr9FlTzCzIkeNEkT7Ot67BIX\\z94cN6et+RKTjSqLJAKzGdqJ6gC2id6qpmQOJA+aPPh48b+F4WEmUB7yJDOgSxVob7OmqRkxarErYNyZZwnuOSb3gOLRASZEWBe1FY8CuyYvfLybylTSasEZe1kHfiHQfQ9spJ27BVTjpRJeROJxWJLChGR4lcwy5MKOa74wVaZSFYOIhmClqUYUMz+xWOg6STVyzwMM8LaNGFjcdLL7Ts9hosfDMnnz\\8nZlJpjOHCQTBCXEh6oAveP0fZCNJuloQXkSLlpPOJN615w5YCJQF\\Cvk0pnx7mE0LQp9HSGzct6oqyvIspcXb8ThN\\pETizLPFqR6kj6beDZwI8NgdL4tldd2913bxazj7qKRfcs\\7bhK71C6PruNVgk0AET++mLz5\\3IWVEFTZSv9OHlylHkd0h8yALN8mJTM5C+g5YqD1zOq2Z7FMHOdHyCKZgWHHRvwg3zhVEEw6sKJxah5j9QMjWLNI1WRyxKHbmq112gRYoyXgVH17Mx8NngcfrwDm8Yhw9sygW9ICTFfJc8QvXYZFB56vsu92V\\cMk9kD4MCBggb+Q82Z8BSc2+YJ+pkAhfHcseLzFNVi2PCJZwvywjbdINgFlKMqLBcEqWMHUQb\\8m6tYjKBqG61zDOct0ghtfZC4Lfbey4tOpe1lFxhFNwtbMg\\3p8+J1gyj+1UOR5N+mayxj\\JR2ZkE+wSvAgpUZLh1k0mogBw+5Tos3If765\\3k8lEYibtLhC7IH4JLeJPkmcFvLDc6aD7hcGFSfsdjSXBu4TTSbRhe9jhGOEc9uSQ3w95ad7pj\\qSbwT4TSyKP5p2KA7xzeVz\\YeXmaElmbLQ97m7DgszipVuFpAp2eVw2I6W10OyBgEszCnwSt6Sj9pk+ApZR94CV0Q5HlIRCHt5Z9TOX4dFwT0zU6k40wl3miROTsQbZSVJdc14NFkgUCBhx0kURG67LHjvgAUeTIKQx\\F+yEOVkQUrZxsWbAs8L9qWJd76xgrxDzRqtdkWLO2Fy1ddCCO4xiAFeFRbYo9+mCRdxqKtsTi6koU6WwGvb2vb2mxTCi0owV0oUuWRrhXSve1aOS1KXVFL0502NASdDp9PPZbMqWazBEOaoODvcD6tsVV7jXqvaxkrvl5JKoJVskL5bck7HQsaCnJYrvUaLObNKKa6ZxTQ9ZIQG8CPcjx5QJZN0nXKtOTT6u7r5rSGWqLvmIV6HBOu89LppN3P95nKefu5zT3mDd5wKdKIJUqyDKi6o7yaQV2yD2d\\FgTF\\BTfzUJGi7YVOZ93CP6kM89DfYkqPCj7kjZLXg5Dvg3P5DBvu1k\\6objR8QyIFbgc1\\vdM7\\st42N8xtvj4KlMku28gibM4mqttG6ShuzqLGC92znhxpkl76fEIe\\LkC1b0T8vyo0+2AFwppKJacbqc97efvmIWJRJqxijtg0VZX67H7sVxjURILwbzWgt2MBaPQtzS\\PguSz2IUPXJaHnf4OYX4KA7VdvAAXhM4nODSalC4UxYF1irULUAvs4pbrxEbMjQIh99cb+HkZQvr1VxWs4p2XxbtnizmQcn3v3ZSyCdvIXSTi+ilKG7oo9ptdpGYzuJ6MLpWrLJbFC2bjAJ+1lV28VFlgVB4OP4HrCkWvTa\\fHvxX3oQ8s3sQmPRb2WSxoJFcsWmOCqJIcYoLmdhm8AoWBY1hOIHsBCtwg2FZ59Id7QWRmHWFIv9liaZWVy9QdECE7VZFlab0o+FMAEgkKyoLGqKcG8oTOuSvlO8d8XCsNh+2biqePiW+9npuwMbDiIBFfRncYzNgrIAq\\Arwr2R6LcW5u7lZntQUBb6fiBszLgOje6dBZcNoULCQZuguIQFz0\\odrETIecpPUsWtHVu2FLtejC693g0VhU0gaJRQem7Fgay0mOVxU6ZHm317Fi0rW3zyuKF68EYHu5rFGqxjQ0CH1uFRxG4\\uuSBF6pUhYERfse5fGx4BU1aTTCWL50i7t+cYJOmTWCUAOFenyXdl5S9wQ0BOMLsFCt4n5Z5B8dC0Fn0csydBomIMxe8qYjFob0oG1AQXAoOgtb11AdwOA\\ruzI9+2gkI0+OhaCnjZqu+X03IdTM44e+\\ob3dOyPlaho9AMQyAsJP3sKgMOAYJGza\\w9+ygKAvxEbPQYSz3hDF8xW7++oE8jINijQLET87X83I9WdjIXoH37aDw6QzyI2Nh43htioRhK07zaQs9IQybzxwxnIxED5o0bikohDlyNDpRuK3HlALBtEj1HjggyVsemY+S6D2o793ce5N\\M4\\e51SZIkX3nA1BkPMCKVJt6NxJ28OJAjfF42KBDEP3zcYdzZcNjsp4epgJhX6cHh1LZeIEw0Pg5SiktOSUep4T7tcPXWYXghIGF\\W4fJRXEsiZBlgu2dVVY8UGZMOesMZ9YbkeosjhqKVNmzeSlfMr3AOJJR+VH82Z0foOMZJgyUd\\kIRlTrsZRa8VjYw+kOQVQfI+LhakYWzr2jH5noScI63vg2L9UT+46z9ik34IiJuy+L4TxG996Lj4wOL1Pk4WPVRzux98tQL0d\\7Bd0C\\\\8ZjYjGQAYsBi4EMWAxYDGTAYiADFgMWA7mUBalnvGpZc0VlQ2u7H1iMPicWEupb22wS2k4YdbDFq2rvgdwbC3wEI\\\\\\Y2NhZZGXAN9Bx8kxmi8GBgAA0sJm1yFlENMAAAAASUVORK5CYII=" \* MERGEFORMATINET </w:instrText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15" name="图片 36" descr="IMG_29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" name="图片 36" descr="IMG_291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kern w:val="0"/>
          <w:sz w:val="24"/>
          <w:szCs w:val="24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  <w:bookmarkStart w:id="0" w:name="_GoBack"/>
      <w:bookmarkEnd w:id="0"/>
      <w:r>
        <w:rPr>
          <w:rFonts w:ascii="宋体" w:hAnsi="宋体" w:eastAsia="宋体" w:cs="宋体"/>
          <w:b/>
          <w:kern w:val="0"/>
          <w:sz w:val="36"/>
          <w:szCs w:val="36"/>
          <w:lang w:val="en-US" w:eastAsia="zh-CN" w:bidi="ar"/>
        </w:rPr>
        <w:fldChar w:fldCharType="begin"/>
      </w:r>
      <w:r>
        <w:rPr>
          <w:rFonts w:ascii="宋体" w:hAnsi="宋体" w:eastAsia="宋体" w:cs="宋体"/>
          <w:b/>
          <w:kern w:val="0"/>
          <w:sz w:val="36"/>
          <w:szCs w:val="36"/>
          <w:lang w:val="en-US" w:eastAsia="zh-CN" w:bidi="ar"/>
        </w:rPr>
        <w:instrText xml:space="preserve">INCLUDEPICTURE \d "C:\\Users\\Think\\Documents\\data:image\\jpeg;base64,\\9j\\4AAQSkZJRgABAQEASABIAAD\\7RASUGhvdG9zaG9wIDMuMAA4QklNBAQAAAAAABccAVoAAxslRxwBWgADGyVHHAIAAAIAAAA4QklNBCUAAAAAABDHXRfldLVu9du+OZTA6XlcOEJJTQQ6AAAAAADXAAAAEAAAAAEAAAAAAAtwcmludE91dHB1dAAAAAUAAAAAUHN0U2Jvb2wBAAAAAEludGVlbnVtAAAAAEludGUAAAAASW1nIAAAAA9wcmludFNpeHRlZW5CaXRib29sAAAAAAtwcmludGVyTmFtZVRFWFQAAAABAAAAAAAPcHJpbnRQcm9vZlNldHVwT2JqYwAAAAVoIWg3i75\\bgAAAAAACnByb29mU2V0dXAAAAABAAAAAEJsdG5lbnVtAAAADGJ1aWx0aW5Qcm9vZgAAAAlwcm9vZkNNWUsAOEJJTQQ7AAAAAAItAAAAEAAAAAEAAAAAABJwcmludE91dHB1dE9wdGlvbnMAAAAXAAAAAENwdG5ib29sAAAAAABDbGJyYm9vbAAAAAAAUmdzTWJvb2wAAAAAAENybkNib29sAAAAAABDbnRDYm9vbAAAAAAATGJsc2Jvb2wAAAAAAE5ndHZib29sAAAAAABFbWxEYm9vbAAAAAAASW50cmJvb2wAAAAAAEJja2dPYmpjAAAAAQAAAAAAAFJHQkMAAAADAAAAAFJkICBkb3ViQG\\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\\gAAAOEJJTQQNAAAAAAAEAAAAeDhCSU0EGQAAAAAABAAAAB44QklNA\\MAAAAAAAkAAAAAAAAAAAEAOEJJTScQAAAAAAAKAAEAAAAAAAAAAjhCSU0D9QAAAAAASAAvZmYAAQBsZmYABgAAAAAAAQAvZmYAAQChmZoABgAAAAAAAQAyAAAAAQBaAAAABgAAAAAAAQA1AAAAAQAtAAAABgAAAAAAAThCSU0D+AAAAAAAcAAA\\\\\\\\\\\\\\\\\\\\\\\\\\\\\\\\\\\\\\\\\\\\\\\\\\\\\\\\\\wPoAAAAAP\\\\\\\\\\\\\\\\\\\\\\\\\\\\\\\\\\\\\\\\\\\\\\\\\\\\\\\\8D6AAAAAD\\\\\\\\\\\\\\\\\\\\\\\\\\\\\\\\\\\\\\\\\\\\\\\\\\\\\\\\\\A+gAAAAA\\\\\\\\\\\\\\\\\\\\\\\\\\\\\\\\\\\\\\\\\\\\\\\\\\\\\\\\\\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\\wAAAAAAAAOEJJTQQUAAAAAAAEAAAAEDhCSU0EDAAAAAAHOAAAAAEAAAAWAAAAoAAAAEQAACqAAAAHHAAYAAH\\2P\\tAAxBZG9iZV9DTQAB\\+4ADkFkb2JlAGSAAAAAAf\\bAIQADAgICAkIDAkJDBELCgsRFQ8MDA8VGBMTFRMTGBEMDAwMDAwRDAwMDAwMDAwMDAwMDAwMDAwMDAwMDAwMDAwMDAENCwsNDg0QDg4QFA4ODhQUDg4ODhQRDAwMDAwREQwMDAwMDBEMDAwMDAwMDAwMDAwMDAwMDAwMDAwMDAwMDAwM\\8AAEQgAoAAWAwEiAAIRAQMRAf\\dAAQAAv\\EAT8AAAEFAQEBAQEBAAAAAAAAAAMAAQIEBQYHCAkKCwEAAQUBAQEBAQEAAAAAAAAAAQACAwQFBgcICQoLEAABBAEDAgQCBQcGCAUDDDMBAAIRAwQhEjEFQVFhEyJxgTIGFJGhsUIjJBVSwWIzNHKC0UMHJZJT8OHxY3M1FqKygyZEk1RkRcKjdDYX0lXiZfKzhMPTdePzRieUpIW0lcTU5PSltcXV5fVWZnaGlqa2xtbm9jdHV2d3h5ent8fX5\\cRAAICAQIEBAMEBQYHBwYFNQEAAhEDITESBEFRYXEiEwUygZEUobFCI8FS0fAzJGLhcoKSQ1MVY3M08SUGFqKygwcmNcLSRJNUoxdkRVU2dGXi8rOEw9N14\\NGlKSFtJXE1OT0pbXF1eX1VmZ2hpamtsbW5vYnN0dXZ3eHl6e3x\\\\aAAwDAQACEQMRAD8A6H\\F2HHpGeGGHHKIafAmmn3f2VePQOuur2O6w58CAdjwQf3twyt27873Kn\\i3\\5Lzf8Aw3\\6JoXWwfBFIeW6if8A14XSjH\\aSwx\\7EpJdR\\\\ACg9K\\8ACln\\ALspJIf\\0N\\\\ABf0vu6Jn1MtdQXZcF7I3R6OPua3fO3d+8umZgZDNG59+nG70nf9VWub\\wAXdRt6RnNbt3DMlpeC4D9Dj9muZ+auo+y3bYDat37210c\\u+okp5jqFNo+vvTGHJeXnFsIuIr3D+kaNaK\\S\\zmJIvUax\\44HSq4EfY7NO0xkn\\AKpJJT\\\\0el\\xaf8l53\\AIb\\APROOuwXEfUDJqxujZjrLq6DZnNrrdaYaXvqx2srHuZue\\8AMYurNt4\\w1TXak72uGh4\\RvtakqnA6j\\APlF6V\\4Us\\JkpJuoh3\\AI4fShI3fY7NY0mMntKSSn\\\\0ug\\xetnpGYdm\\ZmF3EkEUUbXsafzmuXS4Tn0VUi\\IOZkOYG5ForhxcB9M1VNPoe7\\A\\+pFzv+LexjOl525wB+1aAmP8DQupsz8ekB1z66mEgb32NaJPxKBSNqp4vqPR8L\\nb0rpf2f9U+yWH7NvdO3fk37PU37t3\\Xdn\\W0lb6hnYTvr90zIbkVGhmLYH2h7SwEjI0c+dreUkqH4fgm5eO9\\wCE\\wD\\0yfVvrWB03EyKsoXFz7hYDVV6gDdjGe925u33NWz1TDHXukYz8E1bbHtyGfaWkDZtsr9zWNt\\Se9Y31a6JidSxci6+y+t1dwrApe1jS3Y1\\vD67dzvet3qOV+wulYzMWttwY9uODk2Ee3bZZve+pjPf7P3VFLc3s2IVwx4fmeWt+rmXT1WnpzjjG3JrNrNu70oaX6WN9Pd\\gv9Gkp3fWLIu6xR1E49LbMao1NrD3em4ONnvdZ9P\\AAqSXpr\\AAf2p9d\\4f8AzuF\\\\9Tov8XFNVnTM02Ma8jKgFwB\\wADR4rpr+k4GUwV5eNRkVNcHBllTHCQCN0Oafd7lzn+LUx0vO\\8N\\8AonHXWC5hMePBkaz80qCQSOrxud0jpTPr103CZhUNxLcV7rMcVsFbnAX7XPq27Hu9rUla6if\\AF4nSj\\3Ts\\JkpJUFcR7l\\\\V3v8AF6x7+mZgaHEfajIaQNfRp8wumbjWPaWwanO+ltdHB+luY4u9v8n01yn1EfkN6Zl+iXj9a12if8FT5Lo\\WzZgOsJ8ANfuhJTjdRqf\\wA++lV67vsdn5xn\\tSZ9Tdv\\wCmkg9Rfkf88+lOl\\rfZbNY93OR2j91JJT\\AP\\W2fqJfdT0zL9J22crXQH\\AAVPiF0Lbbq3m5rWse6ZsFbQTuO53u2fnLn\\AKiZVlHS8sMIG7KkyP8AgqV0DckssNzGVtsdMvDdTP0vzklOF1G+7\\nn0q\\d+l+y2e6B+9kN+jH7qSfqOVb\\AM9OlZEj1PstgmNOchqSSn\\\\19r6hZT6OmZewNO7Kk7v+Ko810YzrG2OsDWbnwHSXEafyd+xqw\\8XXo\\srN9WP6XpIn\\AANHkV1DW4gsc4xDu3IEfu1lu1iSnleo5T\\+evSsiG7\\ALLYI\\N5yG+KSN1E0\\8AP7pXHpfZLO2n\\an82P3kklP\\0Nv6hOaOlZm5wH633\\4mldLvr\\fb965f6i0229My\\TYXRlaxH+ip8V0f2TK\\0Tvw\\vSU4fUXN\\569KdI2\\ZbNe3OQkodRpt\\55dKq2H1Pstnt0n6WQ5JJT\\\\2ThCSU0EIQAAAAAAVQAAAAEBAAAADwBBAGQAbwBiAGUAIABQAGgAbwB0AG8AcwBoAG8AcAAAABMAQQBkAG8AYgBlACAAUABoAG8AdABvAHMAaABvAHAAIABDAFMANgAAAAEAOEJJTQQGAAAAAAAHAAgAAAABAQD\\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\\Y\\+0ADEFkb2JlX0NNAAH\\7gAOQWRvYmUAZIAAAAAB\\9sAhAAMCAgICQgMCQkMEQsKCxEVDwwMDxUYExMVExMYEQwMDAwMDBEMDAwMDAwMDAwMDAwMDAwMDAwMDAwMDAwMDAwMAQ0LCw0ODRAODhAUDg4OFBQODg4OFBEMDAwMDBERDAwMDAwMEQwMDAwMDAwMDAwMDAwMDAwMDAwMDAwMDAwMDAz\\wAARCACgABYDASIAAhEBAxEB\\90ABAAC\\8QBPwAAAQUBAQEBAQEAAAAAAAAAAwABAgQFBgcICQoLAQABBQEBAQEBAQAAAAAAAAABAAIDBAUGBwgJCgsQAAEEAQMCBAIFBwYIBQMMMwEAAhEDBCESMQVBUWETInGBMgYUkaGxQiMkFVLBYjM0coLRQwclklPw4fFjczUWorKDJkSTVGRFwqN0NhfSVeJl8rOEw9N14\\NGJ5SkhbSVxNTk9KW1xdXl9VZmdoaWprbG1ub2N0dXZ3eHl6e3x9fn9xEAAgIBAgQEAwQFBgcHBgU1AQACEQMhMRIEQVFhcSITBTKBkRShsUIjwVLR8DMkYuFygpJDUxVjczTxJQYWorKDByY1wtJEk1SjF2RFVTZ0ZeLys4TD03Xj80aUpIW0lcTU5PSltcXV5fVWZnaGlqa2xtbm9ic3R1dnd4eXp7fH\\9oADAMBAAIRAxEAPwDof8XYcekZ4YYccohp8Caafd\\ZV49A666vY7rDnwIB2PBB\\e3DK3bvzvcqf+Lf\\kvN\\wDDf\\omhdbB8EUh5bqJ\\wDXhdKMf9pLDH\\sSkl1H\\8AKD0r\\wAKWf8Auykkh\\\\Q3\\8AF\\S+7omfUy11BdlwXsjdHo4+5rd87d37y6ZmBkM0bn36cbvSd\\1Va5v\\ABd1G3pGc1u3cMyWl4LgP0OP2a5n5q6j7LdtgNq3fvbXRz+76iSnmOoU2j6+9MYcl5ecWwi4ivcP6Ro1or9L\\OYki9RrH\\jgdKrgR9js07TGSf8AqkklP\\\\R6X\\Fp\\yXnf8Ahv8A9E467BcR9QMmrG6NmOsuroNmc2ut1phpe+rHayse5m57\\wAxi6s23j\\DVNdqTva4aHj9G+1qSqcDqP8A+UXpX\\hSz8mSkm6iHf8Ajh9KEjd9js1jSYye0pJKf\\\\S6D\\F62ekZh2b9mYXcSQRRRtexp\\Oa5dLhOfRVSL8g5mQ5gbkWiuHFwH0zVU0+h7v8D\\6kXO\\4t7GM6XnbnAH7VoCY\\wNC6mzPx6QHXPrqYSBvfY1ok\\EoFI2qni+o9Hwv+dvSul\\Z\\1T7JYfs2907d+Tfs9Tfu3f9d2f9bSVvqGdhO+v3TMhuRUaGYtgfaHtLASMjRz52t5SSofh+Cbl473\\AIT\\AP\\TJ9W+tYHTcTIqyhcXPuFgNVXqAN2MZ73bm7fc1bPVMMde6RjPwTVtse3IZ9paQNm2yv3NY239J71jfVromJ1LFyLr7L63V3CsCl7WNLdjX+8Prt3O963eo5X7C6VjMxa23Bj244OTYR7dtlm976mM9\\s\\dUUtzezYhXDHh+Z5a36uZdPVaenOOMbcms2s27vShpfpY3093+C\\0aSnd9Ysi7rFHUTj0tsxqjU2sPd6bg42e91n0\\8ACpJemv8AB\\an13\\h\\wDO4X\\\\1Oi\\xcU1WdMzTYxryMqAXAH\\AANHiumv6TgZTBXl41GRU1wcGWVMcJAI3Q5p93uXOf4tTHS87\\w3\\wCicddYLmEx48GRrPzSoJBI6vG53SOlM+vXTcJmFQ3EtxXusxxWwVucBftc+rbse72tSVrqJ\\8AXidKP\\dOz8mSklQVxHuX\\9Xe\\wAXrHv6ZmBocR9qMhpA19GnzC6ZuNY9pbBqc76W10cH6W5ji72\\yfTXKfUR+Q3pmX6JeP1rXaJ\\wVPkuj9bNmA6wnwA1+6ElON1Gp\\\\AD76VXru+x2fnGf+1Jn1N2\\\\AKaSD1F+R\\zz6U6X+t9ls1j3c5HaP3UklP8A\\9bZ+ol91PTMv0nbZytdAf8ABU+IXQtturebmtax7pmwVtBO47ne7Z+cuf8AqJlWUdLywwgbsqTI\\wCCpXQNySyw3MZW2x0y8N1M\\S\\OSU4XUb7v+efSr936X7LZ7oH72Q36MfupJ+o5Vv8Az06VkSPU+y2CY05yGpJKf\\\\X2vqFlPo6Zl7A07sqTu\\4qjzXRjOsbY6wNZufAdJcRp\\J37GrD\\xdej+ys31Y\\pekif8AA0eRXUNbiCxzjEO7cgR+7WW7WJKeV6jlP\\569KyIbv8Astgj83nIb4pI3UTT\\wA\\ulcel9ks7af9qfzY\\eSSU\\\\Q2\\qE5o6VmbnAfrff\\iaV0u+v99v3rl\\qLTbb0zL9NhdGVrEf6KnxXR\\ZMr\\RO\\D+9JTh9Rc3\\nr0p0jb9ls17c5CSh1Gm3\\nl0qrYfU+y2e3SfpZDkklP\\\\Z\\+IMWElDQ19QUk9GSUxFAAEBAAAMSExpbm8CEAAAbW50clJHQiBYWVogB84AAgAJAAYAMQAAYWNzcE1TRlQAAAAASUVDIHNSR0IAAAAAAAAAAAAAAAAAAPbWAAEAAAAA0y1IUCAgAAAAAAAAAAAAAAAAAAAAAAAAAAAAAAAAAAAAAAAAAAAAAAAAAAAAAAAAAAAAAAARY3BydAAAAVAAAAAzZGVzYwAAAYQAAABsd3RwdAAAAfAAAAAUYmtwdAAAAgQAAAAUclhZWgAAAhgAAAAUZ1hZWgAAAiwAAAAUYlhZWgAAAkAAAAAUZG1uZAAAAlQAAABwZG1kZAAAAsQAAACIdnVlZAAAA0wAAACGdmlldwAAA9QAAAAkbHVtaQAAA\\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\\B9IH5Qf4CAsIHwgyCEYIWghuCIIIlgiqCL4I0gjnCPsJEAklCToJTwlkCXkJjwmkCboJzwnlCfsKEQonCj0KVApqCoEKmAquCsUK3ArzCwsLIgs5C1ELaQuAC5gLsAvIC+EL+QwSDCoMQwxcDHUMjgynDMAM2QzzDQ0NJg1ADVoNdA2ODakNww3eDfgOEw4uDkkOZA5\\DpsOtg7SDu4PCQ8lD0EPXg96D5YPsw\\PD+wQCRAmEEMQYRB+EJsQuRDXEPURExExEU8RbRGMEaoRyRHoEgcSJhJFEmQShBKjEsMS4xMDEyMTQxNjE4MTpBPFE+UUBhQnFEkUahSLFK0UzhTwFRIVNBVWFXgVmxW9FeAWAxYmFkkWbBaPFrIW1hb6Fx0XQRdlF4kXrhfSF\\cYGxhAGGUYihivGNUY+hkgGUUZaxmRGbcZ3RoEGioaURp3Gp4axRrsGxQbOxtjG4obshvaHAIcKhxSHHscoxzMHPUdHh1HHXAdmR3DHeweFh5AHmoelB6+HukfEx8+H2kflB+\\H+ogFSBBIGwgmCDEIPAhHCFIIXUhoSHOIfsiJyJVIoIiryLdIwojOCNmI5QjwiPwJB8kTSR8JKsk2iUJJTglaCWXJccl9yYnJlcmhya3JugnGCdJJ3onqyfcKA0oPyhxKKIo1CkGKTgpaymdKdAqAio1KmgqmyrPKwIrNitpK50r0SwFLDksbiyiLNctDC1BLXYtqy3hLhYuTC6CLrcu7i8kL1ovkS\\HL\\4wNTBsMKQw2zESMUoxgjG6MfIyKjJjMpsy1DMNM0YzfzO4M\\E0KzRlNJ402DUTNU01hzXCNf02NzZyNq426TckN2A3nDfXOBQ4UDiMOMg5BTlCOX85vDn5OjY6dDqyOu87LTtrO6o76DwnPGU8pDzjPSI9YT2hPeA+ID5gPqA+4D8hP2E\\oj\\iQCNAZECmQOdBKUFqQaxB7kIwQnJCtUL3QzpDfUPARANER0SKRM5FEkVVRZpF3kYiRmdGq0bwRzVHe0fASAVIS0iRSNdJHUljSalJ8Eo3Sn1KxEsMS1NLmkviTCpMcky6TQJNSk2TTdxOJU5uTrdPAE9JT5NP3VAnUHFQu1EGUVBRm1HmUjFSfFLHUxNTX1OqU\\ZUQlSPVNtVKFV1VcJWD1ZcVqlW91dEV5JX4FgvWH1Yy1kaWWlZuFoHWlZaplr1W0VblVvlXDVchlzWXSddeF3JXhpebF69Xw9fYV+zYAVgV2CqYPxhT2GiYfViSWKcYvBjQ2OXY+tkQGSUZOllPWWSZedmPWaSZuhnPWeTZ+loP2iWaOxpQ2maafFqSGqfavdrT2una\\9sV2yvbQhtYG25bhJua27Ebx5veG\\RcCtwhnDgcTpxlXHwcktypnMBc11zuHQUdHB0zHUodYV14XY+dpt2+HdWd7N4EXhueMx5KnmJeed6RnqlewR7Y3vCfCF8gXzhfUF9oX4BfmJ+wn8jf4R\\5YBHgKiBCoFrgc2CMIKSgvSDV4O6hB2EgITjhUeFq4YOhnKG14c7h5+IBIhpiM6JM4mZif6KZIrKizCLlov8jGOMyo0xjZiN\\45mjs6PNo+ekAaQbpDWkT+RqJIRknqS45NNk7aUIJSKlPSVX5XJljSWn5cKl3WX4JhMmLiZJJmQmfyaaJrVm0Kbr5wcnImc951kndKeQJ6unx2fi5\\6oGmg2KFHobaiJqKWowajdqPmpFakx6U4pammGqaLpv2nbqfgqFKoxKk3qamqHKqPqwKrdavprFys0K1ErbiuLa6hrxavi7AAsHWw6rFgsdayS7LCszizrrQltJy1E7WKtgG2ebbwt2i34LhZuNG5SrnCuju6tbsuu6e8IbybvRW9j74KvoS+\\796v\\XAcMDswWfB48JfwtvDWMPUxFHEzsVLxcjGRsbDx0HHv8g9yLzJOsm5yjjKt8s2y7bMNcy1zTXNtc42zrbPN8+40DnQutE80b7SP9LB00TTxtRJ1MvVTtXR1lXW2Ndc1+DYZNjo2WzZ8dp22vvbgNwF3IrdEN2W3hzeot8p36\\gNuC94UThzOJT4tvjY+Pr5HPk\\OWE5g3mlucf56noMui86Ubp0Opb6uXrcOv77IbtEe2c7ijutO9A78zwWPDl8XLx\\\\KM8xnzp\\Q09ML1UPXe9m32+\\eK+Bn4qPk4+cf6V\\rn+3f8B\\yY\\Sn9uv5L\\tz\\bf\\\\\\+0ANFBob3Rvc2hvcCAzLjAAOEJJTQQEAAAAAAAXHAFaAAMbJUccAVoAAxslRxwCAAACAAAA\\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\\2wBDAAYEBQYFBAYGBQYHBwYIChAKCgkJChQODwwQFxQYGBcUFhYaHSUfGhsjHBYWICwgIyYnKSopGR8tMC0oMCUoKSj\\2wBDAQcHBwoIChMKChMoGhYaKCgoKCgoKCgoKCgoKCgoKCgoKCgoKCgoKCgoKCgoKCgoKCgoKCgoKCgoKCgoKCgoKCj\\wAARCBb1AyADAREAAhEBAxEB\\8QAHAABAAICAwEAAAAAAAAAAAAAAAMEAgUGBwgB\\8QAYhAAAQMCAgQGDgcEBwYEBAAPAAECAwQRBRIGITFBBxMUM1GyFSIyNVNUYXFydIGRkrE3QlJzk6HRCBYj4Rc2YpTBwtIkNENVVoJ1orPwJURj8RgmlUVkhKO0w9PiZYOk4\\\\EABsBAQEBAQEBAQEAAAAAAAAAAAABAgMEBQYH\\8QANxEBAQABAgUDAgQFBAIDAQEBAAECAxEEEiExURMyQRRhIjNSgRVCYnGhBZGx8CPBBtHh8SRD\\9oADAMBAAIRAxEAPwDhRUAAAAAAAAAAABXqdjQIAMZOaf6K\\ID2vgfeXD\\VouogaXgAAAAAAAAAAAAAAAAAAAAAAAAAAAAAAAAAAAAAAAAAAAAAAAAAAAAAAAAAAAAAAAAAAAAAAAAAAAAAAAAAAAeYOHv6SKr1WDqqGXXYGE3NqBjEoFuNQJmgZgAAAAAAAAAAAAAAAAAAAAr1OxoEAGMnNP8ARX5Ae18D7y4f6tF1EDS8AAAAAAAAAAAAAAAAAAAAAAAAAAAAAAAAAAAAAAAAAAAAAAAAAAAAAAAAAAAAAAAAAAAAAAAAAAAAAAAAAAADzBw9\\SRVeqwdVQy67Ajn5pQI4doFyMCw0DMAAAAAAAAAAAAAAAAAAAAFep2NAgAxk5p\\or8gPa+B95cP9Wi6iBpeAAAAAAAAAAAAAAAAAAAAAAAAAAAAAAAAAAAAAAAAAAA1GNYpJTSxUOHsZNidQn8Nju5Y3fI\\oan57Drp4bzmy7Rx1dS42YY+6\\8Ad62saOSNqSORz0RMyolkVd623HP56OsZEUA0+kekNHo\\HA+tZO5JnK1vFNRdaJfXdU6TtpaOWrvy\\Dhr8RjobXL5aaDhBwudzkgpMSkVrVe5GwtWzU2r3WxDpeEznexwnH6eXaV9dwgYW2njndS4ikMiq1j+KbZyptRO23D6TPfbeH1+nJvtdv8Av3Rf0j4N4Gv\\AAm\\6i\\Ran2T+I6XipJeEDC4uK4ylxBvGsSRn8JvbNXYqdsScJnfmLeP053l\\wC\\uwThHwZVREhr1Vdlom\\6i\\R6nmJ\\EdLxU66dUCSVEbqHE0kp0V0zVhbeNEW117bVtQn0uXS7zq19dh1m16fb\\wDVf+kfBvA1\\wCE3\\UX6LU+zP8AEdLxf+\\ukThBwpYHzJTYhxTHIxzuLbZFXYndE+kz323i\\X6e2+1\\7+7BeEfBkWywV6L903\\UX6PU8xP4jpeKyi4QsKmW0VLiUi9DIEd8nC8HnO9iz\\UNO9pf9k1ZpzQ0SRrWUGKwJIiqzjIEbmRPO4zjwuWXaxrLjcMPdjZ+3\\6rf0kYKq2SKuv923\\Ua+i1Psx\\EdLxf+\\ukZwg4U9JFZS4i5I0zPtC3tUva69tq1qS8HnPmL9fp34qP+kfBvA1\\wCE3\\UX6LU+yfxHS8VscB0xw7G8QSjo46psqsc+8jERLJt2KvSY1OHz08eauulxmGrly47uSHneoAAAAAAAAAAAAAAAAeYOHv6SKr1WDqqGXXYEdRzS+wCKEC7EBYaBmAAAAAAAAAAAAAAAAAAAACvU7GgQAYyc0\\0V+QHtfA+8uH+rRdRA0vAAAAAAAAAAAAAAAAAAAAAAAAAAAAAAAAAAAAAAAABThxOinqVp4aqKSVFsqMW+voumq\\kuauGUm9jE1MbeWVVx7GY8MjjihZyjEJ1y09M1e2evSvQ1N6mtPTufW9JPljW1pp9J1t7RDhdFFgtLPXYrVRurZu3qamRURPI1vQ1NyGs8rqWY4TpO0Z08JpS553re9Tyy00\\I8VTEXxUcTXLZH5Ypc2pFdfb5DMlm+G3Vq3G7anN0\\wAL9JUw1cXGU8iPZdW3sqWVPIusxlLjdq6Y5TKbxjR1cNY2R1O5XNjkWNXZVRFVNtl3p5U8pcsbj3Mcpl2cE4YP9zwv72Tqoe3ge+T53+pdsXFMKhhpdGsTqpVc6eRImrE12VeJV9luu7Mqe5PKejO3LUmM\\wC149OTHSyyvfp\\s2eJUNHTaOUDlpXTTQK+eaBZnIjc2TMl016rsv0XUxjnlc717uueGGOnOnbrtv8A2abQ+ztKKbIzKi8arW3Vbfw3WS+066\\5dcOG\\Nm33\\4cpwZa5MQhWd1VkyOvnfMqdwv2kt7zzanLy9P\\AE9enz8033\\y4roZRxVWOUjqp2WFkjV8r3\\Vant1r5EPTr5XHC7PJw2EyznN2bnR+npK2ixaqq2SNkqGuhRzplXjVVzVc5dWpMyt2dJy1MssbjjPh30ccc8cssvlxLE3R8Y5kdLyV0bVjezOrlVyXuq33npw3+bu8eptvtJs55iqVqVNoOUpFxcdkY6VG34tv2UsePDl26\\+n0M+bfpv8efDjOm6qukM2dVukUKLe\\g29J6OH9k\\d5eK\\Mv7f8N\\hsNRHgrJXy4zE6oZaSRYs6uT7MTfL9pUTznDKy5bdOn\\AHq9GEymG9t6\\wDen\\243j9DLCyCpbSTQ0j25GySyrI57k25vsu8h6NLKXeb9Xl1sLNstto5JhnLFwmihqaqsjzvfNNPG9LwMay7WLfZdvbW8qHnz5ea2Sf\\AG9WHNySZW\\38dGuSzsMrZ1us1RhKSyvVVVz3LPa6+WyIdO2Uni\\+nLvjb5x\\wDbih6Xjct4Lf62s9Xl\\wADzcZ+W9vAfnftXcZ8l9wAAAAAAAAAAAAAAAAeYOHv6SKr1WDqqGXXYEdRzS+wCKEC7FuAsNAzAAAAAAAAAAAAAAAAAAAABXqdjQIAMZOaf6K\\ID2vgfeXD\\VouogaXgAAAAAAAAAAAAAAAAAAAAAAAAAAAAAAAAAAAAAABx3ShlTV1NJQ3qIsPkRz6h8DHOfJa1okVO5v0rY76O2MuXz\\AN6vNrzLKzD4+dv+E8GG1Csp1p1iw+GBFSGmSNHoxFS2ZbKnb22bUTfczc5136tTTvTbpJ8f9+WvwGjWHEq+tlpp5cRdIsLFlarcsaakcr1Sy5tqql+iyHTUy3xmMvRy0sNsssrOvb9v\\wBQS4fNiOPyvxaGepjpXJxFOjFSJ7lRFz3XtUamxEuq7VXoLM5hh+DpuzdO6mpbqTfbtPhLU0tVNpE6fE3SKyBjeSRQU6yMzKmtzV2Zk2Xd50sSZSYbY\\PdrLHK6m+fx26f9\\ysyVE0FUsdVRVaUyR8ZHHHeTjnqux6omt3nVETymZJZvL1a5rLtZdv+f7s9E6XEKbCoIqmNKZM75XtdZzrucrsqImpqJe3T5hrZY5ZWzqvD4544SZdHHuGD\\c8L+9k6qHo4Hvk8v8AqXbFwnBq6Kjw3EkkRr5n8SsTHItnOa+916UTbbeevUxuWU2+7waWcxxy3+yaPF309Jh87JmzVbZ6h88ciXzNflRUd0o6ymfT3tnx0amrtMbL13u\\7q+GVdDBPLUzwPbKsrFiii7hjMyK\\Wq32JZE8prPHKzaVnDPCXmsbGsloJsySYnTvpoVmfTsjp5EkTNdWs2WyottV7bTnjMp2nXpu6ZXC98uk326VTw+soo9KaKsiiWkpGSse9qrmRi27a3kvexvLHL07jetYwzwmrMp0j5BiDJYcSbI5IY+RrDTRa1TW9q2TyrrVV6RcNrNvPVJqSzKXp02n+6N+IwYjidLPi0NmNREqJIG9vPZNrkVbXWyIql5LhjZgXUmecuc\\vt8titZTVNA1sVdT0iy0ywVEU8L3qrkeqteioi3VEsiLtQ58uUy6zfq6c+OWO0u282rXYo\\DJXpDRo9uSZUSpci2dEqJbM3aqot9fRY6Yc863\\Zz1LhemP+\\wBm0wrF6OKWBHzSxxUbHua+VrnyVCqxWo1FvZibLN2eU556eVn9\\wDDrp6uM269v8\\\\AE1E9VTVGEMZkkgrmSoqtYq8VKllTOrfquTZq2nWY2ZfZxuWOWHi\\wCP\\wCspMQ5NQVFJSzSSyVK3qZlvZyfZai\\mq7dmwkw3ymV+Oxc+XG443ffuuU9dT9gqvjqhEqeSNo44EjW6pxmfNm2LvvsM3C882nTff8Aw6Y54+nd71222\\dx6x3eVy7gu\\raz1eX\\A8vF\\lvbwH537V3EfKfcAAAAAAAAAAAAAAAAHmDh7+kiq9Vg6qhl12BHUc0vsAihAuxbgLDQMwAAAAAAAAAAAAAAAAAAAAV6nY0CADGTmn+ivyA9r4H3lw\\1aLqIGl4AAAAAAAAAAAAAAAAAAAAACOeaKngfNPIyKFiZnyPcjWtTpVV1IB530r4esUp8cr49HabDZ8LicrYJZ4nq6RETW7U9NSre2rZY53O\\Dcx8vQtFK6eip5noiOkja9UTZdWov8AidGGm010swzQ\\BnYhi8jsqrkihjS75n\\AGWp812IS3ZZN3RmJ\\tA43JOq4XhGHU8GuyVCvlcqbrqitRDHO1MHI9CuHinr62Kk0noY6HjFRqVcDldGir9tq62p5UVbFmflLj4d3tVHNRWqioutFTWim2XVvCTwwYfonXSYZh1N2SxSPVKivyRQr9lypdVd5E2bzOWWzUx3dcw\\tAaRtqM02F4S+C6\\wANrZGutu7bMvyM89XkjuDg24R8L04hkjgjfR4lC3NLSSOR3a\\aY76yfmm83Mt2bjs2un2ltFoZo9Jilc10q5kjhgYtnSyLsbfdqRVVehBbsSbujZeH3SR87pqfB8MbRtcl2qyV6p5FfmREVfMY561yR23wWcIdLp3Q1H+z8jxKltx8GbM1Wrsc1dqpu17FNY5bs2bNjwmaVt0O0RqsTakb6u6RU0cl1a+V2y9tyIiqvmLldokm6hwR6R45pXo2\\F8dgo4GSyq2mbTxubmY3UrlzOW91uieZRjd1s2c5KjhHCPwj4ToPFHFUtfV4lM3NHSRKiLl+05fqp+a7iXLZZN3TtV+0DpG+ZVpcMwmGLcx7ZJF9+ZPkY561yOXaFcO1HidfFRaR0LcOWVUayqikV8SKv2kXW1PLrTpLMvKXHw7qRbpqXUbZcI4R+EfCtB4o46hr6vEpm5o6SJyIuX7Tl+qn5ruM3LZZN3T1V+0BpG+VVpMMwmGO2psjZJF9+ZvyM89a5I5Bo7wyYNpHWU1Dppg1PA3NaOpa5XxMctk7ZF1tRenXbebw1ssO12c9TQwz903c04Sewmh+icuMQaPYfWK2WONI3KrEVHra+ZLna8Rqye6uM4TRt9sdRf0uYb\\ANC4V\\eXf6DH1er5a+i0f0x9\\pcw3\\oXCv7y7\\QPq9XyfRaP6Y2ejXCThmM4zFQv0KwuJHxyvzpUOcqZI3P2Zd+WwnFavkvB6P6Y1TeF3DlY1f3EwrWiL\\vTv9A+r1fJ9Fo\\pj7\\AEuYd\\0JhX96d\\oH1er5PotH9MZR8LWGuka1dBcKTM5E\\wB5dvX0B9Xq+T6LR\\THfdbgujGH4ZLX1+HUFPSwxcbLI9tkY211On1Gp+qsfS6P6Y6J0k4V8FbUyR6N6JYc6Ft0bPWtW7vLkaqWTzrc53i9X4ybnBaPzjGtw3hYZHOnZPRHAqiG6XSna+JyJv1q5yL+RPqtX9S3gtH9Md4aDy6G6ZYRy7CcLpUVi5ZoJI7SQu6F1+5U1KdJxOpf5qxeE0p\\LHG+FrHMI0DnwyOHRbDq5KxkjlV71jyZVRNyLfaS8Tqz+ZceE0b\\ACxx3QThCwTSPSqgwit0Rw2ijq3LG2Zsyvs+yq1LK1NqpbaScVq2+5bwejJ7Y5Zws4lg2gmH4dUwaM4fWrVSujVr3LHls299SLcuXE6s\\mZx4TRv8sUuBnTWi0p0jq6eDRqiwuSnpVlSaGVXuVFcjVbranSZuvnqTbKtzhtPTvNjOruQy6AAAAAAAAAAAAAAAADzBw9\\SRVeqwdVQy67AjqOaX2ARQgXYtwFhoGYAAAAAAAAAAAAAAAAAAAAK9TsaBABjJzT\\RX5Ae18D7y4f6tF1EDS8AAAAAAAAAAAAAAAAAAAACljTpGYPXvgV6TNp5FYrO6RyNW1vLcUeMcXrdLsXgRMYlx6sial1SoZM5qeVUVLHHq6zZxyTm3+ivyIr3phXeui+4j6qHeOLzX+0xiL6nTikoc6rFR0bVRt9SOeqqq+5E9xzz7t4dk3ANoBguleH4rX4\\A+pZDI2nhjbI5iNXLmc67VS660tuGOMpldnWemeENwHSvF8KjVzoqSpfExXbVai6r+yxm9Gpd49S8FGNyT8EeHYhULmko6WVrlVb3SLNa\\sRDpjejnZ1eRqqeSsqZqmZ6yTTPWRz3LdXOct1VfecnV3zp7wU4HgvBY\\EqGGVMXo4IppZ1lcvG3VqPRWqtkTttVkTYdLjNnOZXd1bwV4lJhXCJgNTE5URapsL0va7H9q5PcpjHu3l2dr\\tUyvSm0cguvFrJO9U6VRGob1GMFzg6oKZ\\7O2LI6Ni8fDWSyXS93Nvlv5sqWE9pe7hP7M8z2afzMavay0EmZOmytVPzM4d2s+zZ8NGIVGm3CVh2iWFPV0dLIkCq3WnHO1yOX0W6vYpcut2THpN3oXB8Pp8Jwqkw+iYjKalibDGidCJb+Z0jC4iXVEA8S8IuKy41pzjdbK5y56p7GIq3sxi5Wonkshxt6usm0dn8GHA9hekuhkGLYxV1sdRVq9YUgc1rY2oqoiqioua9r7jUx3m7Ny2uzpvG8OkwnGa\\Dp1R0lJO+ByompVaqpcxs1Or1twK4vJjXBvhE1Q9XzwtdSvcq61yLZL+XLY7Y9nPLu8v8I2Ky43pzjdbK5VzVT42Iq3ysYuVqe5PzOVu9dJ2dpcGXA7hGkOhlLi+M1dc2orEc+JtO9rWxtuqJdFRcy6r7jUx3jNy2rp7SfCHYFpFiWFSv4x1HO+HPa2dEXUtvKhmzZqdXofQvDE4SOBGgwuvrZoHQy8S6djUc7+C\\tUsv8AZVE9hudYxelde8KfBTSaE6Nx4nT4rVVb31DYOLlhY1LKire6eYzcdmplu4DoTgrNI9K8NwiWd8EdXLxaysajlbqVboi6txJ1W3aO\\wDR\\gNoMHxSOtZjlbK5jJGZHQMRFzsc3cv9q5uYMXLdxzSPgKoMF0cxHEY8drZXUdM+VGOgjRHK1NiqikuGyzJ0Q3XbymG3oej\\AGf8PfHBMukFfdyNfbk8fkXpOnI5865+03iclHophOFROcjKuozSWW12xt1IvtVF9gzph3dNcFuikemWl8GF1E0kFKkb5pnx2zZW7kvvVVRLmcZvWsrtHLeGjgyw\\QzDKHEsGnq5KeWbiJY6hyPVqq1VRyKiJq1KlvMXLHZMbuo\\s8YrJQcI9NSNeqQ4hFJA9u5yo1XtX2ZV95Me65dnK\\2qP990b+6n6zS5pg6Pw+slw6vpq2mVWzU8rZmKi21tVFT5GG3fX7SFbFiuheiuI06osFVKszfM6JFOmfZzx7tB+y9\\XLFv\\D\\\\AOI0mHdc3pk6MAAAAAAAAAAAAAAAADzBw9\\SRVeqwdVQy67AjqOaX2ARQgXYtwFhoGYAAAAAAAAAAAAAAAAAAAAK9TsaBABjJzT\\AEV+QHtfA+8uH+rRdRA0vAAAAAAAAAAAAAAAAAAAAAAa\\SJV\\d\\FO2d\\usu\\+woHhD\\5b\\s\\wODs964X3rovuI+qh3cXlX9oRVXhSxC+6np0\\wDIcsu7pj2do\\swIn7k4ou9cQX\\ANNhrDszn3dNcM+rhQ0ht4wnVaYy7t49ncvBQ9U4A8QXohrkS\\oqbx9rF7vMsWyL\\tObo9m8KqInBfpAiJqSiX\\A7ZdnLHu8k6JqqaU4MqXulZDs9NDlO7pez0xw\\wCiNZpPoxDNhULqiuw6Z0rYW63SMclnI3pXUi28inTObxzxuzojC9OcewLRCv0QZRtZHVue28sb2zRo+2ZqN8tt6b1MS2TZvaW7uYcFmH1egejWO6bYzTvpl5NyaggmbkfK9y6lsutEvb2Iq7i49OqZdejbfs3aPSVNXiel2J3fIrnQwSP3uXXLJf2ontUYT5Mr8O74MawuoqeTwYnQSz3VOLZUsc73Itzpuxs2GxQPBmJuV2K1blW6rPIq\\Epwrq9gcDqInBfo3bfSIv5qdseznl3fcR4MtDsSxCprq7A4ZqupkdLLIssqK96rdVsjrDlhzVv9HsCwzRzDkoMFpG0lIj3SJG1znJmdtW7lVSybdkt3eHsRfxmKVb9fbzvdr8rlODs9h8D+rgv0Z9Sb81O2PZyy7vNXDOiN4UNIUTw6L\\5GnPLu3j2d2fs0Kq8HkyLur5fk03h2Zy7vn7TH0f0\\r8fVcM+xj3dH8Dn0n6O+s\\5XHPHu3l2eyzs5OO8Iv9QtIfUZeqS9lnd4lZtb7Di6velB\\uFN90zqod3F0L+1RJ\\tOjkevuJ3fm1Dnm1g0P7MqJ\\SBV+TDpOvGMO7WXZ2T+0qiLwcsXeldDb\\AMxrPszj3dF8DjsvCfo4qLb\\AGm3\\kcc8e8ay7Oxv2qP980c+6n6zTWaYOl1oHLgDcSYi5W1S0snQiqxHtX3Zk9hlpzPGMWXFeBLBqeR2aXCsVdTL0pG6Nzmf4p7C94ny5D+y9\\XLFv\\AA\\\\APiNLh3TN6ZOjAAAAAAAAAAAAAAAAA8wcPf0kVXqsHVUMuuwI6jml9gEUIF2LcBYaBmAAAAAAAAAAAAAAAAAAAACvU7GgQAYyc0\\0V+QHtfA+8uH+rRdRA0vAAAAAAAAAAAAAAAAAAAAAAa\\SL+r+Keqy9RQPCH\\AMt\\2f4HB2e9cL710f3EfVQ7uLyt+0IluFKv8tPTr\\5Dll3dMezs\\wDZgX\\8SsUTemIOX\\8AZsNYdmc+7prhmVF4UNIVRb2qET\\yoYy7t49nc\\BTGv8AQHXJ9qCuVPhd+hvH2sXu8yQ7I\\8AtObo9mcKrk\\oux9y6kWiX87HbLs5Tu8l6ItV+leCtTatbD10OU7ul7Pcru6d51Ozk+KiKt1RFXpVNYHnn9oXG6jHtKcL0QwlVlfG9qyNbrzTv1NRfRat\\b5Dnnd7s3j06tTw31kmjdHgmhGFzviw+io2y1PFrl4+Ryrrd0pqVbf2hl06GPXq4\\pLwaVej+gWGaUPrGPWq4tZadseV0KPS7VzX17kXUmtd5LjtN1mW92d1fs9aS1eP6Hz0+IzPnqMOmSFssi3c6NW3bdd9taew3hd2cptXmDFGqzFqxrtStqJEX4lOTcev+BxyO4L9HFTdSonucp2x7OeXdwjSrhzXAdJMTwlNH0qEoqh0HG8ty58q2vbItvNczc1mO8dgcGulv766NJiy0XIrzyQcVxvGdzbXeybb9BqXdLNq8bYnHxWK1cdrZJ3t9zlOLo9g8D6ovBfo1bdRtT81O2PZzvd5q4ZnI7hQ0hVN1Qie5jUOeXd0x7O7v2aGqnB3Kq7Fr5be5pvDsxl3fP2mPo\\p\\X4+q4Z9jHu6O4HPpP0d9Z\\yuOePdvLs9lnZycd4Rf6haQ+oy9UmXZZ3eJI9rfYcXV71oP9wpvumdVDu4uhf2qI\\wCPo3J\\Znbf2tU55t4ND+zKqJwg1SLtXDpET44xh3XPs7J\\aVcicHTGrtdXRInucprPszj3dF8DbVdwoaOIm3lKr7mOUxj3by7Oxv2qf980c+6n6zS5s4OIaAYT2d4MdOKSNmaopVgr4kTbdiOv725kJJvKtvVwGCukjw2qom64Kh0ci+RzFWy+5zk9plp2z+y9\\XLFv\\D\\AP8AiNN4d2M3pk6MAAAAAAAAAAAAAAAADzBw9\\SRVeqwdVQy67AjqOaX2ARQgXYtwFhoGYAAAAAAAAAAAAAAAAAAAAK9TsaBABjJzT\\RX5Ae18D7y4f6tF1EDS8AAAAAAAAAAAAAAAAAAAAABr9Iv6v4p6rL1FA8If8Ay3\\Z\\gcHZ71wrvXRfcR9VDu4vN\\7TeFyU2mFDiSMXiKykSPPbVnYqoqe5UU55928FXgT4R8N0Lo8TosaiqXQVD2zRvp2I9UciWVqpdNqW1+QmOWxlju670rxZce0lxTFXMWPllQ+ZGKt8qKupPYliXr1anSPV\\BZgb6PgqwvDaxqskqKV6yNcllbxuZdaeZyHXHs529XkPEKObDq+po6mNY56eR0T2Kncuatji6u5tNeF7Dsd4NFwamp6pmK1MMUNRmaiRsRqorlR19d8uy283cumzEx2rgPBHhkuLcI2BQxMVzYqltRIqJ3LGdsqr7kT2mcetay7PZu3Wp2cmr0nxmn0ewCuxasX+DSRLJb7S7mp5VWyEt2Nt3RP7P+DVGkemGKaYYteR0MjsjnJqdPJrVU9Fq29qGMJv1by6TZov2lqaSPhCbI5qoyehjVirsWyuav5kz7rj2cy4U8fw6s4C8HbBVRPlqkpWsja9FcisS7rptS2Wymsr+FmTqk\\ZYgezBceqVa7i31MbGquxVay6\\NBgZunOE\\BZcB07xmjla5GuqHTxKv1o3qrkVPeqewxelbl3jnPBvwyM0U0UjwevwuasWnc5aeSKVrUsqquV1+hVXWm4sy2mzNx3dVYziMuLYvW4jVI1JquZ88iN2IrlutjO7b11wM4NLgPB1hFPUsVlRK11TIxUsqK9cyIvltY64zaOWXd5h4T8FlwHTzGaOVjmsdUOniVfrRvVXIqeTWqew52dXSdY55wc8M0Wi+icGD1+Ez1bqXMkMkMrWorVVVRHIvRe10vqNTLaM3HeuqtIMVmxvHMQxSpRGzVc753tTY3Mt7J5jFrUeteBfBZsC4OcKp6qNY6mZHVMjF2tV63RF8uXKdsZtHO9a47+0x9H9P6\\H1XEz7Lj3dHcDn0n6O+s\\5XHPHu3l2eyzs5OO8Iv8AULSH1GXqky7LO7xJHtb7Di6vetB\\uFN90zqod3F1L+0zg0tbolQ4nAxzux9QvG23RvS118iKie8xn2awvV0XwdaVyaG6U0+LNp+URta6KWHNlV7HJZbLuVNS+wxLt1bs3jlHC5woM04oaKgosPmo6WCVZ3rNI1znvsqJ3OpERFUuWW6Y47Jf2c8FlxDT9mIJGq02GxPke\\cj3IrWp59bvcMJ1Mr0cl\\ao\\33Rv7qfrNLmmDD9lprZKvSeGVM0ToIEc1d6K6RF\\IYGbqHS3CHYDpPiuFyIt6WofG2+9t7tX2tVFM2bNTq7N\\Ze\\rni3qH\\wDEaaw7s5vTB0YAAAAAAAAAAAAAAAAHmDh7+kiq9Vg6qhl12BHUc0vsAihAuxbgLDQMwAAAAAAAAAAAAAAAAAAAAV6nY0CADGTmn+ivyA9r4H3lw\\1aLqIGl4AAAAAAAAAAAAAAAAAAAAACvX0yVlDU0rnKxs0To1ciXVMyKl\\zA876Q8EWiOjsWTG9OXUTlbZGSxR511bmot\\yOfL93SW3tHZdHwu6BxRw0zcfReLY2NHuppWotkte+WxveJ6eXhuqtNFeEfA5aNKujxWjVc38CZFfE5NjktraqdIu1Z2uLqvFP2enLUKuFaQNbCqr2tVTK5ydCXaqXMcjXP5b3RTgXwDRuojxHSHEExB8TkVjJkbDA1266Kvba9iKvsUsxk6pcreztLs1hf8AzKg\\vLP1NptXBtOODbRzT2d+IU1W2nxJLNfVUj2yI\\VqR7b2Vbb9S+czZKS2Ovn8ALqWRZMQ0po4KPNbOtPld5Eu51rmeRrmdnaBaO6JaFUr2YXX0klVKiJNVTVUayPTo22RvkT8zUkjN3rmtLV01W1zqSohna1bKsUjXoi+Wymk2cJ4X9GarSvAqagixqiwmjSbjJnVLVVJVRO0be6bFuvuM5Tdcb1XtBKTBdEtFqLCIMVw+RYWqssrZ2N42RVu51s3T+RZNi72tbwj6NaM6c0MEdbi1LTVdNdYKmKojVWou1qoq62rq1EslWbx11Sfs9SvqEfLpHTupXa0dDSqr3Ju1q6xnkXnd2aKaPYdopgMOGYY1WU0N3OfI7tnuXW57l6VNybMW7tBp3o\\ojprSRx4tW0baiJF4mqhqo2yR32pe+tPIv5EslWbx1JVcCVJxy8j02wnirauPRua\\wD2vsZ5G+a+HNNAuBrR3DatmI1eIpjskLkVjW5Uga5OlEVcy77KvsUsxjNyrtqpqYKWPjKqaKFl7ZpXo1L+dTbLhenej+iWmtJHHitbRsqIkVIaqGqjSSO+1NutPIpLJVm8dS1fAjScavItNsJ4m2rj0bm\\8r7GOVvmvhznQjgUwLBayDEMQq34xMyz4muajYEXajrJfN5LrbyKamEjNydtOcjWq5yoiJrVVWyIaZcH4RcJwXTbAo8Mnx+mo2MnbPxkc0T1VURUtZXeUzesWbxwzRHgt0e0c0kw\\F4tLmVD6STjEiesLUdqVLKqOvvJMdmrbfh3NS1VPVxq+lnhnYi2V0T0eiL0XRTbChpTTU1do\\X0NdVso4ayF1Osz3NTLmTdmVEVfISkdIpwJ6Npb\\8AHRNX3H+oxyxvmvh3hBi2FRQRxpilCqMajb8pj12S3SdGdq+VOJ4NVU8kFRXYdLDK1WPjfPGrXNXUqKl9aA2rpvHeBXR3FK17tGNIIaR8l1bSueydqL\\Zs7NbyazFwnw1zWd1Si\\Z\\ZTudLjekkbaVllcsEGTVvu57rJu1k5PJz+HbeitLovothLMOwaqoIYEXM5y1TFfI7e5y31r\\wC0NzaM3euN8JuieBaeTYfJUaSwUS0bXtRIpIn5syouu7tWwmU3Wbz4Z8FmhWEaE1OIyUOkDMRWtZGxUe6JuXIrl1ZXLe+b8hjNkytqDT\\ggoNMNIX4w\\FKqilljYx7I4Wva5WpZHXVei3uFx3pMtlrg24LqXQbF6qvp8Uqax08HEKyWFrERMyOvdF8gxx2Llu7GNIAAAAAAAAAAAAAAAAPMHD39JFV6rB1VDLrsCOo5pfYBFCBdi3AWGgZgAAAAAAAAAAAAAAAAAAAAr1OxoEAGMnNP9FfkB7XwPvLh\\q0XUQNLwAAAAAAAAAAAAAAAAAAAAAHV3DrwgS6G4LBR4U5G4xXo7i32vxEaalfbputk9q7iW7N6eHNerybVVE1XUyVFVLJNUSuVz5ZHK5zl6VVdamHqQ3S+0C3heI1mFV8VbhtTLS1cS3ZLE7K5P1TyLqCWb93sLge04\\fjRflFSjGYpSOSGrYzUira7Xom5HJu3Kim5d3lzx5a0\\7SiI7guqEciKnK4NSpfepMmtL3PJHFx+DZ8KGXpelv2T2tbo\\pBlajf8Aa49iW\\4ZrF59bvG7\\acRHcGVnIipy+n2pf7Rck0vc8ncXH4NnwoYel6W\\ZPa1ujukGVrW\\7bHsS3\\CQ1i4a3eNr+1E1HcHlKjkRU7IR7Uv8AVcXLsml7nlTi4\\Bs+FDD0HFx+DZ8KAe0+BPE+ynBfgMqrd8MK0zvPGqt+SIvtNzs8mc2yqzwuYn2J4N9IKpFTOtK6Fnlc\\tP8yi9jCb5R4j4qNNSRs1f2UMPWcXH4NnwoB6m\\ZaajdAq9GoiJ2QfsS31GmsXm1vcn\\agajuDmnRyIqdkItSpf6ri5djS9zylxcfg2fChh6Ti4\\Bx\\CgHtHgQxLspwXYFIq3fBEtK7XvjcrU\\K3vNzs8uc2yq7wsYn2I4ONIKtFTPyR0TL73P7ROsL2TCb2R4h4qNNSRs1au5Qw9Zxcfg4\\hQD1J+yw1G6C4jlaiJ2QdsS31Gmsezz63dP+1G1HcHVIjkRU7Ix7Uv9R4y7Jpe55U4uPwcfwoZek4uPwbPhQBxcfg4\\hQDsX9nxjE4WcGVGMRcs+tGp4JxZ3c9X2vSHDSiLwV6SoqIqckXUvpNNXs4Ye6PFaxx3X+Gz4UMPW+cWzwbPhQDJiZO4TIv9nUByXRXTfSHRarZNhOJ1DGNdd1PI9XxSJ0Oaur2prG7OWMy7vX3B3pdS6aaMU+K0reKkVViqIL3WKVNqebWiovQpuXd5cseW7OTFQAAAAAAAAAAAAAAAAeYOHv6SKr1WDqqGXXYEdRzS+wCKEC7FuAsNAzAAAAAAAAAAAAAAAAAAAABXqdjQIAMZOaf6K\\ID2vgfeXD\\VouogaXgAAAAAAAAAAAAAAAAAAAAAPI37R9XJUcKVXE9e0pqaCNnkRWZ1\\NymL3enSn4XXmDU8VXi9DTVL+LgmqI45H9DVciKvuUjdu0e3sS0RwSu0blwF2H0zMPdEsLGMjROL1WRyL9pFst+k3t0eSZWXd4aqqd9NVTQSJ28T3Ru86LZfkYet3L+yzVyRaY4rSXXi56LOrd2Zj0svuVS4uWt2dl\\tJ\\RfUetwfNS5Oel7nkoy9T0n+yj\\V\\SD1uP8A9M1i8+t3bz9pv6M\\\\wBfp\\8AMMk0vc8oGXpelP2Uf6vaQeux\\wDpIaxcNbvG1\\ag+j2l\\wDEI+q4uXZnS9zysYelnNE+B+SVuV1kW3kVLovuCd3pX9lbE+O0YxjDXLrpatJmpf6sjdf5tNYuGtNrutftR4nybQmgw9qojq2sRVTpbGiu+atGSaU3rzBDE+Z+SNuZ1ldZOhEVV\\JFMvSjA9S\\st\\1Dr\\\\ABB\\UaaxebW7p\\2n\\o6p\\wDxCLquLl2NL3PKhh6Wc0T4X5JWq11kd50VLooR6T\\ZVxLjtG8ZwxypemqmztS\\1ZG2X82msXDWnXde\\aixPkug1FQNVM9bWNunS2NFcv5q0ZVNKdd3l6GJ80mSJqudZVsnQiKq\\kimXpYAeov2Wf6i4j\\4g7qNN49nn1u6f9qH6O6T\\wARj6jyZdjS9zysZeh27wN8FuGadYDW1+I4hXUskFTxDW06MsqZEW65kXXrLJu5Z53Guf8A\\wCDto\\\\AM6xj3Rf6S8rHrVvNCuBrB9EtJKXGaLFMSnnp0ejY5kjyLmarVvZqLvLJsmWpcps3fDR9Fmkvqi9ZovZnD3R4sXaph63bH7PGjGDaT4\\i8GPUEVdDBSskjbIrkRrlfZV1Km4sm7lqWydHLeGrglwTCNFanHdG4X0clGrXTU6SK6N8aqiKqX1oqXRdustjOGpbdq89GXd37+yhWyJW6RUCqqxOjiqETcioqt+Sp7jWLhrfFeizTiAAAAAAAAAAAAAAAAPMHD39JFV6rB1VDLrsCOo5pfYBFCBdi3AWGgZgAAAAAAAAAAAAAAAAAAAAr1OxoEAGMnNP9FfkB7XwPvLh\\q0XUQNLwAAAAAAAAAAAAAAAAAAAAAHlf8AaeweSj06p8TRi8RiFK2zt2ePtVT3ZV9pjLu9Glemzp8jq9DcEfDVCympsG0ylWN8aJHDiK62qiakSXoX+17+k1K4Z6fzi7OXg20HrlWq\\d7C5+PVZeNRquR+bXmui673LtHOZ5eWz0f0L0b0drXVeCYNR0NS5ixrJC1UVWrtTb5EGxcre7hv7Sf0X1HrcHzUmS6fueSjL1PSf7KP9X9IPW4\\\\TNYvPrd28\\ab+jP\\wDX6f8AzDJNL3PKBl6XpT9lH+r2kHrsf\\pIaxcNbvG1\\ag+j2l\\8Qj6ri5dmdL3PKybUMPS5Rp1h60sejVWjVRtfgtNNfcrmorF6qe8VnH5c5\\ZfxPkmndXQuciNrqNyInS6NUcn5K4uPdjWnTda\\amxPlGluF4c1yK2jpFkcnQ6R36NQZJozpu6\\4PsO5ZNjtS5EVlDg9VPfocrMjespI3lezim4NvUn7Lf9Q6\\wD8Qf1GmsXm1u6f9p\\6Oqf\\AMQi6ri5djS9zyo3ahh6XKNOMPWlp9GKxEVG12C08qruzNzMXqp7xWcb3jm\\7MOJ8k0+qaFzkRldRuaidLmKjk\\LMXFjVnTde\\anxPj9KsJw1rkVtJSLK5Oh0jv0agyTRnTd15we4fyyrxqociKygwirqFXocrMjfzcSN5VxRNieYNvUf7LP9RcR\\wDEHdRpvHs8+t3T\\tQ\\R3Sf+Ix9R5Muxpe55WMvQ9E\\s2aRYJg2ieKQ4vi+H0Mz67O1lTUMjc5vFtS6Iq7Lmsa4astvR25+\\OiX\\U+Cf36P9S7uXLl4bDCNIMGxmSSPB8WoK98SI57aaobIrUXYq2XUXc2s7uO8NH0WaS+qL1mkvZcPdHixdqmHrd4\\spJ\\+M+PWRV\\2KPd\\wDUNYuOt2jsj9oPSGiwzg9xDDpJ4+X4ijYIoEcmdUzIrnKm5ERPkXKuenN8t3kZdqmHqeh\\2UsLkbDj+LPaqRPWOljd0ql3O912+81i4a17R6BNOIAAAAAAAAAAAAAAAA8wcPf0kVXqsHVUMuuwI6jml9gEUIF2LcBYaBmAAAAAAAAAAAAAAAAAAAACvU7GgQAYyc0\\0V+QHtfA+8uH+rRdRA0vAAAAAAAAAAAAAAAAAAAAAAca0\\0QoNNdH5MMxG7HIvGQTsS7oZLanJ0puVN6Es3XHLlu7yDpzoXjGheJ8lxeD+E5V4mqjusUydLV6fIutDFj1Y5TKdHGg051wccJmNaE1DIoXrV4SrryUMru1TpVi\\UX8ulCy7MZ4TJ610S0jw7SrA4MVwiXjKeTUrXanRuTaxyblQ3Lu81ll2rgv7Sf0X1HrcHzUzk1p+55KMvU9J\\so\\1f0g9bj\\8ATNYvPrd28\\ab+jP\\APX6f\\MMk0vc8oGXpelP2Uf6vaQeux\\+khrFw1u8bX9qD6PaX\\xCPquLl2Z0vc8rJtQw9LtfhIw7jOCDg6xVrVVY6d1I93Qi9sn5tUt7OWF\\FY41wOVq0HCfo5LeyPqkhd5norV+ZI1qTfGp+G+uWv4Usffe7YZW07fMxiJ87lvc05tjHIOC3D0j4K+EXFnImulbSMd\\5nJ\\5midmc7+KR1MR1epP2W\\6h1\\\\iD+o01i82t3T\\tP\\R1T\\wDiEXVcXLsaXueVE2oYel2vwi4bxvA3wd4q1qqsUL6V69CL2yfm0t7OWF\\FY4xwQVvIOE3Rya9kdVticvkeitX5iNantq3w51y1\\CnjzlW7YZG07fIjGInzuL3TTm2Mb7gpw\\JwZcIuLuRP9zSkY72ZnJ+bBEzv4pHUxHV6i\\ZZ\\qLiP\\iDuo03j2efW7p\\2ofo7pP\\ABGPqPJl2NL3PKxl6AAB3r+yh3+0h9Vi66msXHW7R29w0fRZpL6ovWaW9nLD3R4sXaph60tNVVFK5zqWomgc5LKsUjmKqdC2VAbMJZZJpFkmkfJIu1z3K5V9q6wNporhdNjOP0dBW4lT4ZTzPyuqp0VWt\\muxL2TpURMrtN3tzRbAaDRrAqTCsKjyUsDbIqrdz1XWrnLvVV1nSR5LbbvW2CAAAAAAAAAAAAAAAADzBw9\\SRVeqwdVQy67AjqOaX2ARQgXYtwFhoGYAAAAAAAAAAAAAAAAAAAAK9TsaBABjJzT\\RX5Ae18D7y4f6tF1EDS8AAAAAAAAAAAAAAAAAAAAABxbEeELRLDa+ooq\\SHDqerp3rHLFJLZzHJtRUttJu1MMr8K37zaEaaf8AwHsnhWLLVI61Ij86vsiqqom5URFW6a0sN5Tlyx6ujeFrgam0bpp8Y0cfJV4TH200D9ctO3pv9ZqdO1PLtM2bOuGpv0rpsjs7r\\ZcxuWm0qxDBnPXk9bTrO1u5JI1TX7Wut7C4uOrOm7sv9pFqrwXVK9FVAv\\AJlLl2c9L3PJJl6npP8AZRX\\AOAaQetx\\wDpmsXn1u8bz9pv6M\\\\ANfg\\wAxcuyaXueUDD0vSn7KP9XdIPXY\\wD0kNYuGt3ja\\tQfR7S\\wDiEfVcXLszpe55WTahh6XojFcO7Kfss4e9rcz6KJlS3yZJVa7\\AMrlNfDhLtqOhcBq+QY7htXmycRVRSq7oRr0VfyuZdr1jPSOu7K6RYpiCXtV1cs6X6HPVf8AEEm02d64LQ9i\\wBlnFJlREfWxvqFXpR0rWt\\JENfDjeuo887zLu9Sfst\\wBQ6\\8A8Qf1GmsXm1u6f9p\\6Oqf\\wAQi6ri5djS9zyom1DD0vRFdh3ZT9liic1uaSijbUt8mSVUX\\yuU18PPLtqOhMEquRY1h9UjsnEVMUiu6Ea9FX8rmXe9kuk2IJi2kuLYgmyrq5Z0v0Oeqp8wSbTZ3no\\Q9i\\wBlvF51Szq2OWoVelHStY38kNfDjeuo89LtMu71F+yz\\UXEf\\EHdRpvHs8+t3T\\ALUP0d0n\\iMfUeTLsaXueVjL0O6OA\\g0wHTbR2vrcaWuSaCq4lvJ58iZcjV1pZdd1Usm7lqZ3G7R2L\\QFob9rF\\74n+k1yufq5OU6B8HWB6EVVXUYKtaslUxscnKJuMSyKqpbUltok2ZyzuXdhw0fRZpL6ovWaL2MPdHixdqmHrc\\wCB7QSm09xbEaSrrqijbSwNmR0LGuVyq7LZcxZN3PPLlX+Frgpm0FpKbEKWuWuw2aTiXOfGjJI32VUuialRbLr8gs2MNTm6OsSOj1t+zrpFPjugSU1ZI6SowybkuZy3V0dkVl\\MiqnsN415dSbZO0isAAAAAAAAAAAAAAAADzBw9\\SRVeqwdVQy67AjqOaX2ARQgXYtwFhoGYAAAAAAAAAAAAAAAAAAAAK9TsaBABjJzT\\RX5Ae18D7y4f6tF1EDS8AAAAAAAAAAAAAAAAAAAAD4uwDxRwvRSQcJ2kzJEVFWte9L70VEVFMXu9WHtiTgbxWDB+EvAquskSOn410TnuWyNzscxFVei7kE7mc3xr2Ti1TSUeFVVTibmMoY4nOmdJ3OS2u\\sNvLHgSRWrI9Y0sxXKrU6EvqOb2O0P2bIXycKFO9qLlipJ3OXoSyJ\\iXHuxq+13lw\\0zqngoxnIl3RLFL7Ekbf8rmr2cNO\\ieOzD1vQP7KOJRNl0gwx72pNJxVRGxV1uRMzXWTydr7zWLhrTtW9\\amxKKDRDDcNV7eUVNYkqMvryMavbW6LqiDJNKdd3mEy9D1B+yzTrHoTidQqapq9URfRY1P8TWLz6vdZ\\ag+j2l\\8Qj6ri5dk0vc8rIYel624KqJuM8AtNh70zNqaSpp7edz0T8zc7PLnds93kpzXMcrJEs9q5XJ5U1KYep8sq6m7V1IB624TsPTBuACsw5ERFp6CnhW3Sj47\\nc3ezy4XfPd5JXaYep6k\\Zb\\qHX\\8AiD+o01i82t3T\\tP\\AEdU\\wD4hF1XFy7Gl7nlQw9L1rwSUTMY4CKbD3pmbU01VTqi+Vz0Nzs8ud2zeS3sdG9zJEs9iq1ydCpqX8zD1MbKupNu4D1vwkYemDfs\\VmHIiItPh0EK+lmZf8AO5q9nlwu+e7ySu0y9T1F+yz\\AFFxH\\xB3Uabx7PPrd0\\7UP0d0n\\AIjH1Hky7Gl7nlYy9D05+yu5qaGYvdyJ\\wDEN6\\\\AE2msXn1u7urO37bfiQ05PqOauxzVXyKBwvho+izSX1Res0l7NYe6PFi7VMPW7w\\ZS\\rPj3qUf8A6hrFx1u0dmftGMa7goxFXJrbPTqnn41E+SqXLsxp+55DMPS9C\\smvXi9J476s1O63skQ1i4a3w9BmnEAAAAAAAAAAAAAAAAeYOHv6SKr1WDqqGXXYEdRzS+wCKEC7FuAsNAzAAAAAAAAAAAAAAAAAAAABXqdjQIAMZOaf6K\\ID2vgfeXD\\VouogaXgAAAAAAAAAAAAAAAAAAAAAPNX7TeiM9PjUOk9LErqSqY2Gqc1Oblalmqvkclk86eUzlHfSy+HRimXZbnxPEKilbTVFfWS0zbZYZJ3uYltlmqtgm0VAr0z+zPofPheFVekOIROimxBqRUzHJZUhRbq639pbW8ieU1jHn1ct7tHcGPYZDjWCV+GVXMVkD4H+RHJa\\s2mq5S7dXhfSPBa3R7GqvCsTiWOqpnqx101OTc5OlFTWinN7Jd5vFKnnmppmzU0skMzdbZI3q1yeZU1oFZVlXU1s3HVtRPUy2tnmkc91ui6qqhNnykppqyqhpqWJ81RM9I442Jdz3LsREBej23waaNfuloVhuEvyrURsV9Q5uxZXLd3u2ew3Ojy5Zc13cH\\ag+j2l\\8AEI+q4ZdmtL3PK5h6XsD9nh9+CfCP7MtR\\wCs5Tc7PLq+55j4SsM7Daf4\\QtajWR1kisRPsOXM38nIYr0YXfGMeDvDOzGnWA0NrtlrI82r6rVzL+TVEM7tK9R8P77cFGN\\wBrik\\\\AGjTd7PPp+6PHSmHqepP2W\\6h1\\\\AIg\\qNNYvNrd037T\\wBHVP6\\F1XFy7Gl7nlUw9L19+zq6\\BRhf8AZnqP\\VcpvHs8ur7nmfhNwzsNwg4\\QtajWMq3uYifZcuZv5OMXu9GF3xiDg\\w3sxpxgNBZVbNWRo7V9VFzL+SKIZXaV6o4fH5eCjHbbHJGn\\7Rpu9nm0\\dHjhdph63qL9ln+ouI\\+IO6jTePZ59bun\\ah+juk\\wDEY+o8mXY0vc8rGXoAAHYn7Pv0s4N6M\\8A6Tizu56vtej+Gj6K9JfVF6zTV7OGHujxYu1TD1u8P2Uv6z496lH\\AOoaxcdbtHZ37RLHP4KMTyoq5Zqdy+bjWlvZz0\\c8gmHqd6fspVrY8dx6ictnTU0czfLlcqL1jWLjrTs9KGnAAAAAAAAAAAAAAAAAeYOHv6SKr1WDqqGXXYEdRzS+wCKEC7FuAsNAzAAAAAAAAAAAAAAAAAAAABXqdjQIAMZOaf6K\\ID2vgfeXD\\AFaLqIGl4AAAAAAAAAAAAAAAAAAAAACGspYK2llpqyGOenlarJIpGo5r0XcqAdNaSfs\\YHXVD5sDxCpwzMt+Jc1Jo0811RyJ7VM8rrNWzu40z9nPEOOs\\SOj4q+1KV+b52Jytet9nNdD+AvR3BKmOqxSWbGKiNczWzNRkKL05E7r2rbyGuVjLVtdtIiIiIiIiJqRE3Fc30DimnWgWBaa07G4xTOSpjTLFVQrklYnRfenkVFQlm7WOVx7Oo8Q\\ZzfnVcN0jbkvqSppVunwqTldJrfZhRfs5Tq7\\b9JIkb\\wDo9Kqr\\wCZw5Vut9naOgfBjo7oZIlTQQvqcRtbldSqOe1F25UTU32a\\KWTZyyzuTnJWXEuEvQyLTnAIsLmrpKJrJ2z8ZHGj1VURUtZVTpJZu1jly3d1h\\+DjRf9S1n9zZ\\qJyunrXw7Y4PtF49DtF6fBYqt9WyF8j0lexGKuZyutZFXpLJs5ZZc13cL4QuBmj0x0nnxp2MT0Mk0bGvijp2vRVals11VNqW9ws3bx1LjNnzg\\4GKPRDSinxpuM1FbJAx7WRPp2sS7kte6KuwkhlqXKbOb6faMR6X6L1WCy1T6Rk7mOWVjEeqZXX2LY1ZuxjeW7upv8A8HKi\\wCpaz+6M\\1GeV19a+HZnBnoVFoJgc+GwV0ta2WdZ+MkjRioqoiWsir0Fk2c88ua7s+ErQ2LTnR9mFz1slE1s7Z+MjjR6qqIqWsqp0izcxy5bu6w\\wDwcqL\\AKlrP7oz\\UTldPWvh2twe6Kx6GaMQYNDVyVbIpJJElkYjFXM69rIqlk2c8sua7uHcIXA3R6ZaTzYy\\F6ihkljYx8cdO16KrUtmuqput7hZu1jqXGbI9AeBej0R0opsaZjNTWPp2vRkUlO1iXc217oq7LiYmWpcps5zp7o0zS7RerwWWqfSMqFYqysYj1TK5F2KvkFm7ON5bu6l\\\\AAcqL\\qWs\\ujP9ROV09a+HZfBloRFoJglRh0FdLWtmnWdXyRoxUVWolrIq9BZNnPPLmu7PhM0Nh05wGLCp66SiRlQ2oSSONHquVHJayqn2hZumOXLd3WH\\4OdDr\\APxmq9Wtf9kj1f8AmJyuvrXwx\\8AwdcP\\wCqKr+7R\\6hynrvv\\4OdBq\\\\Ger17P9lj1\\+Ycp618OQ6BcC9LojpTR41FjlTVvp0eiRPp2MR2Zqt2ovlLMdmctTmmzsLTHA49JNGcQwWWodTNrYuK41rUcrdaLdEXbsLYxLtd3Tq\\s50Oa37zVl9tuSR\\6jPK6+tfDmvBfwX02gOJ1tXDi01c6rhbDkkhbHlRHZrpZVuWTZjPU5nL9LcEp9JNGsRwirkWKCsiWNZG2VWLtRyX1XRULZuzLtd3TS\\s64fZFXSiqS+\\ksf8AqM8rp6zfaE8DLNEtJaXF8O0lqZJoLo+J1Ky0jF1OatnXRF6fMJimWpzTbZ2+acwAAAAAAAAAAAAAAAB5g4e\\pIqvVYOqoZddgR1HNL7AIoQLsW4Cw0DMAAAAAAAAAAAAAAAAAAAAFep2NAgAxk5p\\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\\\\ACXC7y7f8LdHhknLpKmZzWWqXysa1iZlRUsl3X2eTzGcs5ttPDWGnebe+W5OTuAAAAAAAAAAAAAAAAPMHD39JFV6rB1VDLrsCOo5pfYBFCBdi3AWGgZgAAAAAAAAAAAAAAAAAAAAr1OxoEAGMnNP9FfkB7XwPvLh\\q0XUQNLwAAAAAAAAAAAAVMVxCmwqglra6RY6eK2ZyNVypdURNSa11qgGu\\ejD\\BYl\\cJv8ASN12biCVs8EcrEcjJGo5MzVatl6UXWi+QIgxTEKfC6N1VVq5ImvYztW5lu96Mbq87kB3W11KoAAAAAAAACCtqoKGjnqquRsVPCxZJHu2Nam1QJmuRzUcmxUugH0AAAAAAETqiFtUymWRqVD2OkbHfWrUVEVfMiuT3gSgAACy9CgLL0KAsvQoCy9CgAAFSfEIIMRpKGRXcoqmyPjRG3SzEarrru7pALYAAAAAAAHwCrSYhS1lTVwUsySyUj0imy60Y9UvlvsuiWum6+sQWwAAAB8unSgC6dKALp0oAunSgH0CnieIwYbEySobO5r3ZU4mF0q3tfWjUWyeUEa796sMR8bZOWxcZI2JrpaOVjcznI1qKqtsl1VE9o3Xat6EAAAAAAAAAADzBw9\\SRVeqwdVQy67AjqOaX2ARQgXYtwFhoGYAAAAAAAAAAAAAAAAAAAAK9TsaBABjJzT\\RX5Ae18D7y4f6tF1EDS8AAAAAAAAAAAAHHOEP8AqjV\\eQf+swVZ3ckVVzO1rtXeEfAOPaX3mXBaJEvynEocyf2Y7yqv\\kQlWOQXuVFXEoKqoha2irORyI66v4lsl06LL8wNd2Mxr\\qD\\wD0IibL0Rz0WK08Ek0+kjYoY2q9730USNa1Naqq7kB0RaHTYxWLVVeJVCSYdJZKJslO2KV7d8jkTYjvqtXXbWtr2EL9m1x+tkw3A6+thax8lPC6RrX3sqp023FqTugSPHVajuV4XrS\\+6yf\\wAwHR90erqmtirW1iQ8dTVclMromq1rkbay2VVVNvSItmzT6bYhE+uwzBnxVM0c0iVdW2nhdKqQRqioio3Yj5MqeZHEqyfLZfvLS+JYv\\8Ak+X9C7psfvLS+JYv\\wDk6X9BubLuG4nFiCyJFBWRZERV5RTPivfozJrG6VeAXTpAXTpAXTpA0FUv\\wCPuHf+F1P\\AK0BF+G\\unSVH0DS6ZSyQaM4hJBI+KVGJZ7Fs5Luampd20UndMuAU1+cxD+9yfqDd87AU3hMR\\vcn6g3OwFN4TEf73J+oN2m0ww9MM0eqayjqK+OeJ0StctTItrysRdSrbYqkaxu9cvdqcvnKy+AceW8+nzdV2UWGrr6HSyp\\hGF+HIQjW4jSYhUTtdRYpyONG2VnJmSXXpuoJsq9jMa\\wCoP\\8AQiIvRRxlcTwmiWonx973K5I4oY6CJZJpF2MYm9y\\lrVbIigm1bfRtmKsweDs\\LDJiLruk4liNay66m6tSqialXepYl+zZgfHKjWq5yojUS6qq2RE6QOOPxGox5XQ4K98OGpdJcTamt6JtbTp9Zf\\AKmxN2ZdkXbburUuEQU9JBiuhLqdiPjaroFcvEVrE2Z12tk2\\wATbfU6+4b\\ABW4wXG6bFFkhRslNXw8\\Rzplli8qpvb0OS6L0l3SzZtQAFTF5Hw4TWyxOVsjIJHNcm1FRqqigaLCsCWpwujnlxjHFklgY9ypXOTWrUVdxNl3+y3+7jf+cY7\\f3foNjf7H7uN\\5xjv8Af3foNjf7Ndj+GS4Vh3LKbF8ZWWOaFESSsV7VRZGoqKiprSyqFl3cud3S+dSsiKqbFsBodOFVcCjuq\\7\\AEW\\\\wDSohVjfbwgAAAAAAAAAAeYOHv6SKr1WDqqGXXYEdRzS+wCKEC7FuAsNAzAAAAAAAAAAAAAAAAAAAABXqdjQIAMZOaf6K\\ID2vgfeXD\\VouogaXgAAAAAAAAAAAA43wh\\1Rq\\vIP\\WYKsckd3TvOoRWxCjZX0roJZKmJqqi5qeZ0L9S31OaqKBw2q0apJ9MqCmSsxlzKajlqnOXE5lc1znNjbZc10unGbOgm3VqXos6T4HTYbo3ilbHiOOtkgpZJGO7KzrZyNWy2zdNhsS71yuiZJHR07JnK+VsbWvc7arkal1X2lZT7QOKwxrpbUJUVUbm4BTy3ggfq5a9q24yRPBoqdq1dqpmXVZCd17OVFRpdNP6pYx6q8lWd23ZzTfRT5FRxrCa+nwyj0krax6sp4MSne9US67GakTeqrZETeqoSNWb7Lei2H1MbKnE8TjVuKYi5JJWbeIjRLRwov8AZRdfS5XKEtb6zuh3uKhZU2oqAfANdiWGLXSsfy\\EKXK3Llpp8jV8qpbaBU\\d9f8AnWN\\3v8AkNl3P3fX\\nWN\\wB7\\kNjdBX4VBQUc1XWY\\jMNPC1Xve6r1Iiez8t5DdxjCMIxCo0qopcTxPGIH1FDUzRQrUIj4I+NhRrHLbW5U1u6F1bg1v06OXfu8tu\\WN\\3v8AkXZndumNyMa3M52VES7luq+VQjRadsSTRHE2OvldGjVsttSvaSrO7NdE8JvzFV\\epv8AUU3p+6eFeAqv71N\\qBvT908K8BVf3qb\\AFA3rRab6OYdR6NVVRBDUNljfCrVdUSuS\\HM3K6ykq43q507unecrDW4rhMOJOjdNUYhDxaKiJS1kkCLfpyKl9m8Lvs4ro\\o1SVWK49UrWYyjG1aUrHtxSfM5sTG3uua62e56a9liNW9FrEsKZhmLaP8ixDF+Mnr0Y5suISysexsb3uRWuVUVLNBvvHME2FZVcVr4cLw2oralHrDAxXuSNuZy9CIm9VWyA7tXg2GTz1zcaxyNExJWKyCnR2ZlFGu1rV2K9frP37E1Jri3xG\\KjQ12ksDK2SgwumqMUxGNcr4adtmRLb\\AIki9qzzXVfIF2aKqfNWYq+l0jhrMQfCyOd2HYbDmpY0crsvGOVUWVe0XbZuruSL\\Zvm48rWojcDxpERLIiUrURE+IqbNfh1YuH1lbJT4TjiUtS5JeT8kbljlW+dzVz6kdqVU6brvUh3fMZlpcXbFyrAseZURLeCphgSOaFV3sejrp5ti70UUnRFg2NYyzDYK1aaTG8LlRVbNDGkVYxEVUXjIVXK9UVF1sVF\\shbI5ThtdBiVGyqpFesT7onGRujciotlRWuRFRUXpQrKPHe8mI+rS9RQKOBYvhrcEw5FxCiRUpokVFqGfYTyhbF3sxhn\\MaL+8M\\Ubm1OzGGf8AMaL+8M\\Ubm1aXTDE6CbAnxw11JJI6eCzWTsVV\\is2IikpJXKnd07zqVHwDQab944\\X6L\\wDeohVxb9dqhAAAAAAAAAAA8wcPf0kVXqsHVUMuuwI6jml9gEUIF2LcBYaBmAAAAAAAAAAAAAAAAAAAACvU7GgQAYyc0\\0V+QHtfA+8uH+rRdRA0vAAAAAAAAAAAABxvhD\\AKo1f3kH\\rMFWOSO7p3nUI+KBx\\AP9q0i0hrrorWyxUEa+SJl3f+eRxFvaPmnNpsIgw\\UrsRrIKWype7Vejn\\wDkY8UnfdLJpRSNkei0ONqqOVLphU6pt3Ll1g2fE0po7p\\sGO\\\\AJJn\\wBI3Nmk0N0lpYdGqKN1FjLlaj9bMMnci9u7ejbBbOrfQaSUs88cTaLGWue5Go6TDJ2tS+9VVtkTyqN02fdNP6pYx6s8tJ3bhnNN9FPkEaLRdqOfjiORFTsrMtlS+5hIt+GwrcJo62bjamN7pLWukr26vMiohUjW4rh+B4XRPqq1kjImqjUtNI5z3LqRrWo67nKupETaF3tQaO4JImIpi1WyajVGq2noUnc5I2rtdLrVHPVN2xuxLrrIW\\DlBUAAEVRPFTU8k9RIyKGNqvfI9bNa1Nqqu5ANDTwSaQ1sFfWMczCYHJJR072qjpnpsmkRdiJ9Rq+kuuyJO69klV\\X3Dv\\AAup\\wDWgBOzflQAq19PS4hRzUlYjJKeZuV7M1rp50W4Gr\\dnB+io\\v03+smy70\\dnB+io\\v03+suxufuzg\\RUf36b\\WNjesX6LYI9ESSKWRqKjsr6yVzVVFRUuivsutEUmxvW+ztVe6aqr5Soxnmjp4JJ5lRsUTVkeq7mol1\\JANNoPC+LRahkmREnqUdVy2+3K5ZF6xIuXdUxqpYml+HZ2SSR4dRT1kjYYnSPu9WxMytRLqtuM2AnZZ\\emj8Qx3\\8AJU\\+ku5s0umWktLNozXRtocaarmt1vwydqJ27dqq0m6ydW7XSmjuv+wY7tX\\APNM\\wDpG6bLWGY3BiNQsMNLicTkars1TQywt+JyIl\\IXcsbNERL2S11vq6Qjh8uKsw3TjGWvo8QqeMo6NUWkpXTZbLPtts2k+Wtt42P70Q\\8o0g\\wDyZJ+g3TlP3oh\\5RpB\\wDkyT9BucomlMOZP\\hGkG3\\AJZJ+g3OVFwcu4zQzDX5XNzJI7K5LKl5X6lTcvkLDLu5L59YQVmZqorczV1Klr3A1q6PYR\\ybDv7pH+hNjevi6P4Om3B8O\\ukf6A3omj+DrswfDv7pH+hdjes4sCwqKRskWE0DJGrdrm0rEVF6UWw2N62CoqbUUABoNN+8cfr9F\\+9RCri367VCAAAAAAAAAAB5g4e\\pIqvVYOqoZddgR1HNL7AIoQLsW4Cw0DMAAAAAAAAAAAAAAAAAAAAFep2NAgAxk5p\\or8gPa+B95cP9Wi6iBpeAAAAAAAAAAAADjfCH\\VGr+8g\\wDWYKsckd3TvOoQA4zK+o0XfNKsT6rBJJHzSvjarpqVzlVznORNb47rtTtm+VNk7L3Yx1EOO6XUr6SVk9BhdOs\\GxuzMdPMlmWVNS2jzL\\3p0g7RycqPrU7ZANFoP8A1VoPRf8A+o4i3u3hUabTT+qWMeqvIs7tuxf4TfRT5FRpNFecxz\\xSf5MJFvwvY3i1Ng9Hx9Tne57kjhgibmknkXYxjd7l9ybVsiFSTdQwnCqmaubi+PZH4gl+T07FzR0TVTW1q\\Wev1n+xLJti7\\ABG+Kj4j2q9WI5qvaiKrb60RdmoDICliuJUuF07ZauRUzuyRxtarnyu3NY1Nbl8iAnVq4cPqsZnjqsdjSGlY5HwYbmRyIqbHzKmpzuhqdq3yrrSd1327OQlRoKr+vuHf+F1P\\rQE+V+G\\KjCVjJY3RyNa9j0VrmuS6Ki7UUDQ1GiujFPTSzP0fwhGRMc9f8AZI0siJfo8gXmvlFhejWjlbhlHVu0cwhizwslVqUrHI3M1Fte2vaQ5r5V9JNFNHYtHsUkiwLC2SMpZXNc2lYitVGrZUWw2WZXfut4foho6+gpnO0fwtzliYqqtIzWuVPINk5r5T\\udo5\\09hX9zZ+hdjmvlLS6MYFRVMdRSYLh1PURrmZJHTMa5q9KKiXQbG9X8QpI6+gqaSdXpFPG6J6sWzrKllsvSE7NJTYrNhFTDh+PIxkcipHS17G5YZV2NY9P+HJ5O5du16iLtv2fNE17IVeK43tjrJkhpl6aeK7Wqnkc7O7zKghfDkZUaPTj+quIeizrtCzu3ru6d51CAADh02KdjtOcYTsfiFZxlHRrekg4zLZZ9utLbSfLW28X\\3l\\wD7BpB\\cv8A+obpy\\c\\eX\\+waQf3JP9Q3OX7vrdJrOT\\wCAY\\t8S\\8A6hucv3NBmPpNGcOpayN1NVqyR\\J5VRJERZHLrbfoVBDLv0chKjhyYVTYxpfjyV7qp7adtM2JsdXNE1qLGqrZGORNaka32kbD9z8H8HXf\\lGp\\wD5g2OasNGKSPD8Zx2kp3T8njdA5jZZ3y5VdHdbK9VX8yxL1RV2F02LaX1UVctS6KGhhcxkdVLEiK58l1sxyXXUm3oIS7RY\\c\\B\\B13\\wCUan\\+YNl5qq4JQw4XppW0lG6oSmdh0Uyxy1MkqI\\jpG3TO5bakTYC3eOVlZaDTfvHH6\\Rf\\vUQq4t+u1QgAAAAAAAAAAeYOHv6SKr1WDqqGXXYEdRzS+wCKEC7FuAsNAzAAAAAAAAAAAAAAAAAAAABXqdjQIAMZOaf6K\\ID2vgfeXD\\VouogaXgAAAAAAAAAAAA43wh\\1Rq\\vIP8A1mCrHJHd07zqEANPpBi7sPSGloY21GL1V20tOq2RbbZH9Ebdqr7E1qgpI0mH6PVmidOk2AvdXNeqy19E+zOUyLrdLEuxj7\\V7lURE1Klydmrd+7lWHVkVfRQ1UCSJHK3MiSRqxyeRWrrRUKyst7pANFoP\\VWg8z\\AP1HCLe7ehGl01bm0QxluvXSvTVt2bgs7qzNGGcW3\\4zj+xP\\wA4v6PMTY3+z5oZTLQU2LQvkqHtZiM68ZO5XvclmrdVXaDLq+6MRdleK0irmo6eoYq0bF1pTU7u5Rv9pyWc521bomxBPJenRyMqAHH8Ic1+l2kKt1uZHSxuXo7Rzrf+a\\tJFvZaxGpxSSpdSYVSMjsiK6tql\\hNv9hiLme5OjtU8pUm3yzwzBoaKd9VLJJV4g9Mr6qdUV9vstRNTG\\2WonluDdswAGgqlT9\\cOTf2Lqf\\WhJ8r8N+VADQaXvWooo8Gh7aoxRVp1RPqw\\wDGevQiMunnchKs8oNEKhMPamjdY7LWUDclPm1copk1Rvb02bZrk3KnlQQvXq2WlOvRjF\\VJeopSd2vw\\RjD1oKVVkxG6wsXVXzfZT+0DerH7r4f4TEv7\\N\\qBvWww3D4cOhdFTunc1zsy8dM6Vb2ttcqqiatgRcA4tpG9NIZ59G6Sz4HIiYpNZFSGNdfFJu4x6fC267bEWdOr5AlXopxVPlmrdHksyJzWq+ahTYjXImuSJNSIvdN33TWjsd3Kio0WnH9VMQ9FnXaKs7t87unedQj4AA4\\hyIum+O38UovnUE+V+GxxOgfV8W+nrqmimjvldEqK119zmORUchU3a2fEMYwqJ7sQwtcSiY1V43DE\\iLbphet7+i5xF2lUcLr8S0na50FZS4VTN1Php3JNWN8j8yZYl8mVVTpQFkjfYVg1Dhed9JDeeTnKiRyySyek9da+bZ0IVLd2xA47gqKumGk1kVf90\\9JSfK3tHI7L0L7io0WEf1m0g89N\\6QW9n2mRV01xCyKv+wU\\\\AKkgPhvLL0L7gjjsP0g1f\\hMP\\ryk+V+HISo0Gm\\eOP1+i\\\\AHqIVcW\\XaoQAAAAAAAAAAPMHD39JFV6rB1VDLrsCOo5pfYBFCBdi3AWGgZgAAAAAAAAAAAAAAAAAAAAr1OxoEAGMnNP9FfkB7XwPvLh\\q0XUQNLwAAAAAAAAAAAAcb4Q\\6o1f3kH\\rMFWd3JVauZ2pdq7gm6lir62OhkXDIIZ6zU2Nk0mRiKq2zOVEvZNtk1rawIq4HgzcOdNU1My1mKVCJyire2yvtsa1PqsS+pqedbrdRstu7bBFevWq5JItBxC1Vu049XZPbl1gaN7dLZmuj43A6ZHpbj42zSPZ5UatkVfOtidV6NzhNBFheGUtDTq5YqeNI2uet3OtvVelVuq+cpeq2EfF1prAAF16l1ps1gccp8DxXDGJT4JjMUdAy6R09ZR8fxSfZa9HtXKm5FvZNVybLvL3S8l0n\\wCc4T\\+S3\\\\AM4dTp4fHUWkz0yrjmGsRdrmYW7MnmvMqe9B1Oi\\gmFRYTTSRslmqJppFmnqJlRXzSLa7ltZE1IiIiIiIiIiF2TfdsQAFTEkrlhb2MdStlzdtylrlbbyZd4GnkTS1JUSJ+j6x6rq5k9\\LvJ1X8K3hGEz09dPiOJ1TavEJmJFmZHxccMaLfIxt1XWq3VVW6rbZZELDf4bgIr4hNNT0U0tNTPq52NVWQMcjVkXcl11J51AoYJhk1PJNXYnKyfFahESRzL8XExNaRR3+qnTtcutdyIW1ZxbCqHFoGxYhTtlax2djrq18bvtMcmtq+VFCTeNRW6O18tBU0dNpDWJBPE6JW1UMdQrUVLanWa5faqk2XdlDhmkcMMcTNIKPKxqNS+F67IlvCjY6eGfINJP+f0X\\wCSv\\8AqNjp4Zw0OkLZo3TY5RviRyK9iYZlVyX1oi8atvPYHRPjseK1PE0uFSR0sct+PrFXM+FvRGy1leu5V1Ntey7Ck2+VrCsNpcKomUlDEkcLVVy3W7nOVbq5yrrc5V1qq7QndcA1+LLiqNi7DpQK668ZytXolt1sqfME+7UTYbjuL8XT41NhkGHtlZLJHRpI586NcjkYrn2Rrbol7IqqiW1XHWr0nZycIAAOLzQY3DpXilTh1DSup6impo2z1U6tajmcYq2a1FcvOJ0bCL02bBuGYhUIvZHF5bL\\AMOijSnbb0u2f7UVPMVGzpoI6aFsUSORjdmZyuX2qusCniuC4fijmyVlOjp2dxOxVjlZ6L22cnvBLspU9DjeH1MTabEYsQoFeiPZXttNG3erZWJ21uhzb\\2iL0b4qOMw4FyjSfG6usjnbDMlOkL2TOYjssao7U1dyrvIu\\RsP3foemr\\AL3J\\qKboMBwt2HYxjLmskbTzrAsbpJFerrR2XWqqupSFqOowZKzSmqqqlkyU60cUbHxzOZdyPeqp2qpuVNvSDfot\\u\\Q9NX\\e5P9RTdTwzB1oNLqqphjl5JJh8USSSSq+70lkVU1qq7FRfaQt6ORIirsRVKjQ6cIvYKPUv+\\wBFu\\8A0qIVce7fLtUIAAAAAAAAAAHmDh7+kiq9Vg6qhl12BHUc0vsAihAuxbgLDQMwAAAAAAAAAAAAAAAAAAAAV6nY0CADGTmn+ivyA9r4H3lw\\wBWi6iBpeAAAAAAAAAAAACridBTYpQy0ddFxtNLbOy6peyoqa017UQDW\\uthf2az++zf6xsu9biCJsEEcMd8kbUY3M5XLZEtrVda+dQiQAAAAAAAAAAAAAAAAAAAAAAAAAAAAAAAAAAAAAAAAAAAAAAAAAIBQABTxPDabEo2Mq0lVrFzN4uZ8evztVLgnRr00VwnPG90NRIsb2yNSSrle3M1Uc1bK6y2VEX2DZd63gQAAAAAAAAAAPMHD39JFV6rB1VDLrsCOo5pfYBFCBdi3AWGgZgAAAAAAAAAAAAAAAAAAAAr1OxoEAGMnNP9FfkB7XwPvLh\\q0XUQNLwAAAAAAAAAAAAAAAAAAAAAAAAAAAAAAAAAAAAAAAAAAAAAAAAAAAAAAAAAAAAAAAAAAAAAAAAAAAAAAAAAAAPMHD39JFV6rB1VDLrsCOo5pfYBFCBdi3AWGgZgAAAAAAAAAAAAAAAAAAAAr1OxoEAGMnNP8ARX5Ae18D7y4f6tF1EDS8AAAAAAAAAAAAAAAAAAAAAAAAAAAAAAAAAFOSubBKramKSJl7NlXWxfOqbPaamO\\Zi57d1pjmvajmORzV2Ki3RTLcu7IAAAAAAADCWWOGNXyvaxib3LZCyW9IlsnWoKer5TJ\\Cgl4m3OuTKi+ZF1qW47d2Zlzdloy2AAAAAAAAAAAAAAAAAAAAAAAAAAAAAAAAAAAAeYOHv6SKr1WDqqGXXYEdRzS+wCKEC7FuAsNAzAAAAAAAAAAAAAAAAAAAABXqdjQIAMZOaf6K\\ID2vgfeXD\\AFaLqIGl4AAAAAAAAAAAAAAAAAAAAAAAAAAAAAAAAAPi60Apuw9rHK+jkdTSLrXJrYvnbsN83nqxybe3ox5XNT\\77D2nhoUVzfam1PzHLL2Tms90XIZY5o0fE9r2Lvat0M2bd25ZezMigHwCOoqIaZmaeRrE3X2r5k3lkt7JcpO6rx9XU\\7tFxEa\\wDEmTWvmb+praTuxvll26M4aCJsiSzK6omT68q3t5k2IS5XtFmE73quGWwAAAAAAAAAAAAAAAAAAAAAAAAAAAAAAAAAAAAB5g4e\\pIqvVYOqoZddgR1HNL7AIoQLsW4Cw0DMAAAAAAAAAAAAAAAAAAAAFep2NAgAxk5p\\or8gPa+B95cP8AVouogaXgAAAAAAAAAAAAAAAAAAAAAAAAAAAAAAAAAAAAFSagic9ZIVdBMv14ltfzpsU1Mr2rFwnedGHHVVN\\vMXHx+EhTWnnb+hdpeyb5Y9+rJcSpEjRzZmuutka1FVyr0W2k5KvqY+WOatqe4alJF9p6ZpF9mxC\\hn3TfLL7JKeihgfxiIr5l2ySLmcvt3ewlytaxwk6rRloAAAAAAAAAAAAAAAAAAAAAAAAAAAAAAAAAAAAAAAHmDh7+kiq9Vg6qhl12BHUc0vsAihAuxbgLDQMwAAAAAAAAAAAAAAAAAAAAV6nY0CADGTmn+ivyA9r4H3lw\\1aLqIGl4AAAAAAAAAAAAAAAAAAAAAAAAAAAAAAAAAAAAAAAYJGxJFejGo9dSuRNa+0u6bdd2ZFAAAAAAAAAAAAAAAAAAAAAAAAAAAAAAAAAAAAAAAAAAeYOHv6SKr1WDqqGXXYEdRzS+wCKEC7FuAsNAzAAAAAAAAAAAAAAAAAAAABXqdjQIAMZOaf6K\\ID2vgfeXD\\VouogaXgAAAAAAAAAAAAAAAAAAAAAAAAAAAAAAAAAAAAAAAAAAAAAAAAAAAAAAAAAAAAAAAAAAAAAAAAAAAAAAAAAAAeYOHv6SKr1WDqqGXXYEdRzS+wCKEC7FuAsNAzAAAAAAAAAAAAAAAAAAAABXqdjQIAMZOaf6K\\ID2vgfeXD\\AFaLqIGl4AAAAAAAAAAAAAAAAAAAAAAAAAAAAAAAAAAAAAAAAAAAAAAAAAAAAAAAAAAAAAAAAAAAAAAAAAAAAAAAAAAAHmDh7+kiq9Vg6qhl12BHUc0vsAihAuxbgLDQMwAAAAAAAAAAAAAAAAAAAAV6nY0CADGTmn+ivyA9r4H3lw\\1aLqIGl4AAAAAAAAAAAAAAAAAAAAAAAAAAAAAAAAAAAAAAAAAAAAAAAAAAAAAAAAAAAAAAAAAAAAAAAAAAAAAAAAAAAHmDh7+kiq9Vg6qhl12BHUc0vsAihAuxbgLDQMwAAAAAAAAAAAAAAAAAAAAV6nY0CADGTmn+ivyA9r4H3lw\\wBWi6iBpeAAAAAAAAAAAAAAAAAAAAAAAAAAAAAAAAAAAAAAAAAAAAAAAAAAAAAAAAAAAAAAAAAAAAAAAAAAAAAAAAAAAB5g4e\\pIqvVYOqoZddgR1HNL7AIoQLsW4Cw0DMAAAAAAAAAAAAAAAAAAAAFep2NAgAxk5p\\or8gPa+B95cP9Wi6iBpeAAAAAAAAAAAAAAAAAAAAAAAAAAAAAAAAAAAAAAAAAAAAAAAAAAAAAAAAAAAAAAAAAAAAAAAAAAAAAAAAAAAB5g4e\\pIqvVYOqoZddgR1HNL7AIoQLsW4Cw0DMAAAAAAAAAAAAAAAAAAAAFep2NAgAxk5p\\or8gPa+B95cP8AVouogaXgAAAAAAAAAAAAAAAAAAAAAAAAAAAAAAAAAAAAAAAAAAAAAAAAAAAAAAAAAAAAAAAAAAAAAAAAAAAAAAAAAAAeYOHv6SKr1WDqqGXXYEdRzS+wCKEC7FuAsNAzAAAAAAAAAAAAAAAAAAAABXqdjQIAMZOaf6K\\ID2vgfeXD\\VouogaXgAAAAAAAAAAAAAAAAAAAAAAAAAAAAAAAAAAAAAAAAAAAAAAAAAAAAAAAAAAAAAAAAAAAAAAAAAAAAAAAAAAAeYOHv6SKr1WDqqGXXYEdRzS+wCKEC7FuAsNAzAAAAAAAAAAAAAAAAAAAABXqdjQIAMZOaf6K\\ID2vgfeXD\\AFaLqIGl4AAAAAAAAAAAAAAAAAAAAAAAAAAAAAAAAAAAAAAAAAAAAAAAAAAAAAAAAAAAAAAAAAAAAAAAAAAAAAAAAAAAHmDh7+kiq9Vg6qhl12BHUc0vsAihAuxbgLDQMwAAAAAAAAAAAAAAAAAAAAV6nY0CADGTmn+ivyA9r4H3lw\\1aLqIGl4AAAAAAAAAAAAAAAAAAAAAAAAAAAAAAAAAAAAAAAAAAAAAAAAAAAAAAAAAAAAAAAAAAAAAAAAAAAAAAAAAAAHmDh7+kiq9Vg6qhl12BHUc0vsAihAuxbgLDQMwAAAAAAAAAAAAAAAAAAAAV6nY0CADGTmn+ivyA9r4H3lw\\wBWi6iBpeAAAAAAAAAAAAAAAAAAAAAAAAAAAAAAAAAAAAAAAAAAAAAAAAAAAAAAAAAAAAAAAAAAAAAAAAAAAAAAAAAAAB5g4e\\pIqvVYOqoZddgR1HNL7AIoQLsW4Cw0DMAAAAAAAAAAAAAAAAAAAAFep2NAgAxk5p\\or8gPa+B95cP9Wi6iBpeAAAAAAAAAAAAAAAAAAAAAAAAAAAAAAAAAAAAAAAAAAAAAAAAAAAAAAAAAAAAAAAAAAAAAAAAAAAAAAAAAAAB5g4e\\pIqvVYOqoZddgR1HNL7AIoQLsW4Cw0DMAAAAAAAAAAAAAAAAAAAAFep2NAgAxk5p\\or8gPa+B95cP8AVouogaXgAAAAAAAAAAAAAAAAAAAAAAAAAAAAAAAAAAAAAAAAAAAAAAAAAAAAAAAAAAAAAAAAAAAAAAAAAAAAAAAAAAAeYOHv6SKr1WDqqGXXYEdRzS+wCKEC7FuAsNAzAAAAAAAAAAAAAAAAAAAABXqdjQIAMZOaf6K\\ID2vgfeXD\\VouogaXgAAAAAAAAAAAAAAAAAAAAAAAAAAAAAAAAAAAAAAAAAAAAAAAAAAAAAAAAAAAAAAAAAAAAAAAAAAAAAAAAAAAeYOHv6SKr1WDqqGXXYEdRzS+wCKEC7FuAsNAzAAAAAAAAAAAAAAAAAAAABXqdjQIAMZOaf6K\\ID2vgfeXD\\AFaLqIGl4AAAAAAAAAAAAAAAAAAAAAAAAAAAAAAAAAAAAAAAAAAAAAAAAAAAAAAAAAAAAAAAAAAAAAAAAAAAAAAAAAAAHmDh7+kiq9Vg6qhl12BHUc0vsAihAuxbgLDQMwAAAAAAAAAAAAAAAAAAAAV6nY0CADGTmn+ivyA9r4H3lw\\1aLqIGl4AAAAAAAAAAAAAAAAAAAAAAAAAAAAAAAAAAAAAAAAAAAAAAAAAAAAAAAAAAAAAAAAAAAAAAAAAAAAAAAAAAAHmDh7+kiq9Vg6qhl12BHUc0vsAihAuxbgLDQMwAAAAAAAAAAAAAAAAAAAAV6nY0CADGTmn+ivyA9r4H3lw\\wBWi6iBpeAAAAAAAAAAAAAAAAAAAAAAAAAAAAAAAAAAAAAAAAAAAAAAAAAAAAAAAAAAAAAAAAAAAAAAAAAAAAAAAAAAAB5g4e\\pIqvVYOqoZddgR1HNL7AIoQLsW4Cw0DMAAAAAAAAAAAAAAAAAAAAFep2NAgAxk5p\\or8gPa+B95cP9Wi6iBpeAAAAAAAAAAAAAAAAAAAAAAAAAAAAAAAAAAAAAAAAAAAAAAAAAAAAAAAAAAAAAAAAAAAAAAAAAAAAAAAAAAAB5g4e\\pIqvVYOqoZddgR1HNL7AIoQLsW4Cw0DMAAAAAAAAAAAAAAAAAAAAFep2NAgAxk5p\\or8gPa+B95cP8AVouogaXgAAAAAAAAAAAAAAAAAAAAAAAAAAAAAAAAAAAAAAAAAAAAAAAAAAAAAAAAAAAAAAAAAAAAAAAAAAAAAAAAAAAeYOHv6SKr1WDqqGXXYEdRzS+wCKEC7FuAsNAzAAAAAAAAAAAAAAAAAAAABXqdjQIAMZOaf6K\\ID2vgfeXD\\VouogaXgAAAAAAAAAAAAAAAAAAAAAAAAAAAAAAAAAAAAAAAAAAAAAAAAAAAAAAAAAAAAAAAAAAAAAAAAAAAAAAAAAAAeYOHv6SKr1WDqqGXXYEdRzS+wCKEC7FuAsNAzAAAAAAAAAAAAAAAAAAAABXqdjQIAMZOaf6K\\ID2vgfeXD\\AFaLqIGl4AAAAAAAAAAAAAAAAAAAAAAAAAAAAAAAAAAAAAAAAAAAAAAAAAAAAAAAAAAAAAAAAAAAAAAAAAAAAAAAAAAAHmDh7+kiq9Vg6qhl12BHUc0vsAihAuxbgLDQMwAAAAAAAAAAAAAAAAAAAAV6nY0CADGTmn+ivyA9r4H3lw\\1aLqIGl4AAAAAAAAAAAAAAAAAAAAAAAAAAAAAAAAAAAAAAAAAAAAAAAAAAAAAAAAAAAAAAAAAAAAAAAAAAAAAAAAAAAHmDh7+kiq9Vg6qhl12BHUc0vsAihAuxbgLDQMwAAAAAAAAAAAAAAAAAAAAV6nY0CADGTmn+ivyA9r4H3lw\\wBWi6iBpeAAAAAAAAAAAAAAAAAAAAAAAAAAAAAAAAAAAAAAAAAAAAAAAAAAAAAAAAAAAAAAAAAAAAAAAAAAAAAAAAAAAB5g4e\\pIqvVYOqoZddgR1HNL7AIoQLsW4Cw0DMAAAAAAAAAAAAAAAAAAAAFep2NAgAxk5p\\or8gPa+B95cP9Wi6iBpeAAAAAAAAAAAAAAAAAAAAAAAAAAAAAAAAAAAAAAAAAAAAAAAAAAAAAAAAAAAAAAAAAAAAAAAAAAAAAAAAAAAB5g4e\\pIqvVYOqoZddgR1HNL7AIoQLsW4Cw0DMAAAAAAAAAAAAAAAAAAAAFep2NAgAxk5p\\or8gPa+B95cP8AVouogaXgAAAAAAAAAAAAAAAAAAAAAAAAAAAAAAAAAAAAAAAAAAAAAAAAAAAAAAAAAAAAAAAAAAAAAAAAAAAAAAAAAAAeYOHv6SKr1WDqqGXXYEdRzS+wCKEC7FuAsNAzAAAAAAAAAAAAAAAAAAAABXqdjQIAMZOaf6K\\ID2vgfeXD\\VouogaXgAAAAAAAAAAAAAAAAAAAAAAAAAAAAAAAAAAAAAAAAAAAAAAAAAAAAAAAAAAAAAAAAAAAAAAAAAAAAAAAAAAAeYOHv6SKr1WDqqGXXYEdRzS+wCKEC7FuAsNAzAAAAAAAAAAAAAAAAAAAABXqdjQIAMZOaf6K\\ID2vgfeXD\\AFaLqIGl4AAAAAAAAAAAAAAAAAAAAAAAAAAAAAAAAAAAAAAAAAAAAAAAAAAAAAAAAAAAAAAAAAAAAAAAAAAAAAAAAAAAHmDh7+kiq9Vg6qhl12BHUc0vsAihAuxbgLDQMwAAAAAAAAAAAAAAAAAAAAV6nY0CADGTmn+ivyA9r4H3lw\\1aLqIGl4AAAAAAAAAAAAAAAAAAAAAAAAAAAAAAAAAAAAAAAAAAAAAAAAAAAAAAAAAAAAAAAAAAAAAAAAAAAAAAAAAAAHmDh7+kiq9Vg6qhl12BHUc0vsAihAuxbgLDQMwAAAAAAAAAAAAAAAAAAAAV6nY0CADGTmn+ivyA9r4H3lw\\wBWi6iBpeAAAAAAAAAAAAAAAAAAAAAAAAAAAAAAAAAAAAAAAAAAAAAAAAAAAAAAAAAAAAAAAAAAAAAAAAAAAAAAAAAAAB5g4e\\pIqvVYOqoZddgR1HNL7AIoQLsW4Cw0DMAAAAAAAAAAAAAAAAAAAAFep2NAgAxk5p\\or8gPa+B95cP9Wi6iBpeAAAAAAAAAAAAAAAAAAAAAAAAAAAAAAAAAAAAAAAAAAAAAAAAAAAAAAAAAAAAAAAAAAAAAAAAAAAAAAAAAAAB5g4e\\pIqvVYOqoZddgR1HNL7AIoQLsW4Cw0DMAAAAAAAAAAAAAAAAAAAAFep2NAgAxk5p\\or8gPa+B95cP8AVouogaXgAAAAAAAAAAAAAAAAAAAAAAAAAAAAAAAAAAAAAAAAAAAAAAAAAAAAAAAAAAAAAAAAAAAAAAAAAAAAAAAAAAAeYOHv6SKr1WDqqGXXYEdRzS+wCKEC7FuAsNAzAAAAAAAAAAAAAAAAAAAABXqdjQIAMZOaf6K\\ID2vgfeXD\\VouogaXgAAAAAAAAAAAAAAAAAAAAAAAAAAAAAAAAAAAAAAAAAAAAAAAAAAAAAAAAAAAAAAAAAAAAAAAAAAAAAAAAAAAeYOHv6SKr1WDqqGXXYEdRzS+wCKEC7FuAsNAzAAAAAAAAAAAAAAAAAAAABXqdjQIAMZOaf6K\\ID2vgfeXD\\AFaLqIGl4AAAAAAAAAAAAAAAAAAAAAAAAAAAAAAAAAAAAAAAAAAAAAAAAAAAAAAAAAAAAAAAAAAAAAAAAAAAAAAAAAAAHmDh7+kiq9Vg6qhl12BHUc0vsAihAuxbgLDQMwAAAAAAAAAAAAAAAAAAAAV6nY0CADGTmn+ivyA9r4H3lw\\1aLqIGl4AAAAAAAAAAAAAAAAAAAAAAAAAAAAAAAAAAAAAAAAAAAAAAAAAAAAAAAAAAAAAAAAAAAAAAAAAAAAAAAAAAAHmDh7+kiq9Vg6qhl12BHUc0vsAihAuxbgLDQMwAAAAAAAAAAAAAAAAAAAAV6nY0CADGTmn+ivyA9r4H3lw\\wBWi6iBpeAAAAAAAAAAAAAAAAAAAAAAAAAAAAAAAAAAAAAAAAAAAAAAAAAAAAAAAAAAAAAAAAAAAAAAAAAAAAAAAAAAAB5g4e\\pIqvVYOqoZddgR1HNL7AIoQLsW4Cw0DMAAAAAAAAAAAAAAAAAAAAFep2NAgAxk5p\\or8gPa+B95cP9Wi6iBpeAAAAAAAAAAAAAAAAAAAAAAAAAAAAAAAAAAAAAAAAAAAAAAAAAAAAAAAAAAAAAAAAAAAAAAAAAAAAAAAAAAAB5g4e\\pIqvVYOqoZddgR1HNL7AIoQLsW4Cw0DMAAAAAAAAAAAAAAAAAAAAFep2NAgAxk5p\\or8gPa+B95cP8AVouogaXgAAAAAAAAAAAAAAAAAAAAAAAAAAAAAAAAAAAAAAAAAAAAAAAAAAAAAAAAAAAAAAAAAAAAAAAAAAAAAAAAAAAeYOHv6SKr1WDqqGXXYEdRzS+wCKEC7FuAsNAzAAAAAAAAAAAAAAAAAAAABXqdjQIAMZOaf6K\\ID2vgfeXD\\VouogaXgAAAAAAAAAAAAAAAAAAAAAAAAAAAAAAAAAAAAAAAAAAAAAAAAAAAAAAAAAAAAAAAAAAAAAAAAAAAAAAAAAAAeYOHv6SKr1WDqqGXXYEdRzS+wCKEC7FuAsNAzAAAAAAAAAAAAAAAAAAAABXqdjQIAMZOaf6K\\ID21gUblwTD1RP\\louogaXuLf0fmA4t\\R+YDi39H5gOLf0fmA4t\\R+YDi39H5gOLf0fmA4t\\R+YDi39H5gOLf0fmA4t\\R+YDi39H5gOLf0fmA4t\\R+YDi39H5gOLf0fmA4t\\R+YDi39H5gOLf0fmA4t\\R+YDi39H5gOLf0fmA4t\\R+YDi39H5gOLf0fmA4t\\R+YDi39H5gOLf0fmA4t\\R+YDi39H5gOLf0fmA4t\\R+YDi39H5gOLf0fmA4t\\R+YDi39H5gOLf0fmA4t\\R+YDi39H5gOLf0fmA4t\\R+YDi39H5gOLf0fmA4t\\R+YDi39H5gOLf0fmA4t\\R+YDi39H5gOLf0fmA4t\\R+YDi39H5gOLf0fmA4t\\R+YDi39H5gOLf0fmA4t\\R+YDi39H5gOLf0fmA4t\\R+YDi39H5gOLf0fmA4t\\R+YDi39H5gOLf0fmA4t\\R+YDi39H5gOLf0fmA4t\\R+YDi39H5gOLf0fmA4t\\R+YDi3dH5geXeHxLcJNUi+KwdVQzXXY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4ZpFwlaL4BO+nq8RSSpY9WPhp2LI5iptRbak95yy1sMe9fa4P\\wCP8fxkmWnp7Y2by3pK5HgWMUGO4dFXYVUx1NLJsexdi9CptRfIpvHKZTePm8TwurwmpdLWx5co2Bp5wAAAAAAAAAAAAAAAAAAAAAAAAAAAAAAAAAAAAAAAAAAAAAAAAAAAAAAAADyxw\\fSVV+rQdVSxK65AjqOaX2ARQgXYtwFhoGYAAAAAAAAAAAAAAAAAAAAK9TsaBABjLzUnor8gPcGj\\eLDvVo+ohFXwAAAAAAAAAAAAAAAAAAAAAOsOFHSiWHSjR7RihqKinfW1Eb6uSB+RyQudlyo5NaXsq3TYiHn1c7MphPl+q\\0L\\TMdThdfjtXGWYS8svX8Um++zi1LoVojiOPVDEgnRzUjbJGtW+RjlfGkivjcqZnOs9utyo1FXYpiaeFr6+f+s\\6lw\\D43efO34ZL0u21naTpe29+8azgqmforwsVOj7q2VaSVXxcWl0a+RG3bmRU2ol0vZCaP4dTl3ev8A+QYT\\Uf9Jx42Yfim1++3z\\8Ab0Wh7H8zAAGh0w0qw3RGhgrcadNHRyzNgWZkSvbGq3sr7a0TVtCzG5dI3VPNHUQRzQPa+KRqPY9q3RyKl0VAiQAAVbJcDW0WO4VXYjNQUeI0k9bCxJJIYpWuc1qra6onlC7VsggqoiKq7AK2G19LidFFV4fUR1FNKiqySN12ustl\\NFQF6I6DFsPxCergoK2nqJqSTiqhkUiOdE\\7LkTYvnBtsugANFpdpVhmiVHBV43JLDSSypDxzY1e1jl2ZrbE8oWY3Ls3ccjJGNfG5HMciOaqLdFRd4RkAAghrKaeonghnikmp1RssbXoro1VLojk3XRbgVcGxmhxhtWtBKr1pah9LO1zFascjdrVRU8qLfYtwtmzYhBVREVVWyIAuBhPNHBEsk8jI402ue5ERN21QMwAAAAAAAAAAAAAAAAAAAAAAAAAAAAPLHD99JVX6tB1VLErrkCOo5pfYBFCBdi3AWGgZgAAAAAAAAAAAAAAAAAAAAr1OxoEAGMvNSeivyA9waP94sO9Wj6iEVfAAAAAAAAAAAAAAAAAAAABjK9scbnvVEa1FVVXcgWS27R5IxjTeep0\\rdJGwtdNZ8dIiuskKZVYx3lVEW\\nPnZam+fO\\snDf6Ljp\\6fhwVvTpcvv13s\\ft\\ZsqHhIaixpXUE8juJVk1TFWK2eWRY4mcZnVFsqJF+YmvJ3\\wCXm1f\\AI7bv6ecnXeS4\\hk3yu20s\\V\\hoZcbw6l0lwrEtHKSppFpXskkdVT8c+WRHXc5VtayottSeUks3lxfQnA6+rwmpocXlMubeTabSTbp\\9vYUEjZYmSMVFa9qORU2KiofSfxTKXG2VmEU8aqp6HCK2qpKZauoghfIyBHZVlVEujUXXa4I88adaXaQ8KNFSaM4VohXUckrmVz21MqMWSFt01qqJlTMqa13oZ7u+OMw62u1dCqbT9uJsl0lkwKlwhsfFsoKNjnvZZO1VH9KbF2oqdBXPLl+HPUW+wrDjGkemNNo\\pDhGG4lSVTKfE38TFXNRFhbKq6o3a7oq9Oz87GpjvN2o4VdHIMVpqXFayeV1PhbJXuoEquTR1l8tmPkvqS7fbs1Eq43bo4lwbY1onQVDdIqqCWixTG520jGcheyGhZfLFTo5Go1L5UXN9ZV6BGspe3h3ZuK5OtOEnhJdoRpdgFDW01M7CMQa5Z6h0itkhyuRFda1lRMyLbausm7eOHNLWk4DMZxVugeJSw4FLLh9O+oqKKVkqJJXPWV7la1ipq3JfpuI1qSb91Dg8fj+M8MGkmL0uGwYJAjaaPEqeq\\iyXy3RrVaqNR6pZVVe5RU1LcfJltMZHdkdfSSVa0rKqndUtTMsLZGq9E6ct72K5LKgdSY5S6XaZS4noxitXovQQuiR81NHHLVT8Sr1Rkl7tRiqrbpt1oR0m2PWMdDIq+h4QmaMP0pxSsbg1FHIsbYIW0zo1TKkT0al0ciZVRVVVVL+0ZdZvs7dK5vigdBaRrjOAaX1VVV4\\W4titfE6nZQ4HBHDOrGPvEjnK1U1Nc+\\1r2RNRl1m1m2zneimhmHaM1FJjFRjuKpWyo59RyyryR1D5bZlfG7Ui3ts13RCs3K3o7DKw4JpNpDhWLu0s0TrWOjq6bD1mySLZJ43R5s7F\\su1L5UI1JZtk4LojpVjFTo3RYY2sWjwql0ei5bjUyo1KKsc1FYmd2p62VqObuv5w3cZvuoYvpxWadaC0uAvbJNWz5uy8uFU7qlUgY+zViaiWvKqalvZERdewm6zHlu7vbAuKTBqBKdahYUgjRi1N+NVMqWz315um+8041eAAAAAAAAAAAAAAAAAAAAAAAAAAAB5Y4fvpKq\\VoOqpYldcgR1HNL7AIoQLsW4Cw0DMAAAAAAAAAAAAAAAAAAAAFep2NAgAxl5qT0V+QHuDR\\vFh3q0fUQir4AAAAAAAAAAAAAAAAAuAAAcQ4WcXbg2gOLTqxZHSxcmYnlk7W6+a6r7Dnq5cuNfZ\\+P8JeK\\1DSwnxd7\\adXmXg+bbSemnWooYEpmulV1bNxUbkRLWvldr17Lbjw4d4\\q\\+s3\\APy5YcuV5tp+Gb3\\AJnjy9HtzxYa+Bex7K5rle6V8b0hRqNR19S3RLX2ruvY9nw\\l3TLUmf4rh43nN32+Zt\\3u6Cx\\DXO0\\ibiFdh1SlbOyV7sPm41kbXPRLXVE12PLt+Pa\\L+j8HxO3+nZXRwyx5JZOabW2T\\7etY2o1iNTYiWQ+g\\jVu93ZBHH8axepix2lwWjRkVRXUdRLDUyNV7YpI1YiXbdMydve102EWTpu6qr5n6LaX6QppZpNXtWejjro6midFAtQrbMWC1nObZVRWtRbWcqrvUjp3k2jccFGCYfpNofFVY9iEuOVySPbNLy+ofHrW6N1uRrlRFRFVEt0FiZ3a9DgZp1otOeEPD6WSVmGUdbFHT02dVjjVWqq5UXYuoQz7StlpXpfirNMcP0fj0NfW0U1W1nKamRmSTKmfPGmvuNTlVdlrbVQbpMZtvul02rY4tKpYKp9O2m7E8ci1NK6qjbIlS1rXcU3W5UzLa29QTs6+w+plq+CzBm1cmJzMix+hVk1XEjIsnK8qNh32RE1outL22IRv8Ameh9xpxdS6Y4rhsvCCtNgVGzSDS2SlSjbBLZ1Lh0ea75JF3Kqq26be1RNW+OmMu3Xs0nB\\LQYHwc4VV41pXLgcFZPVNckbmN46Rs70u1zmuVrURO5RERL32qIuXXLpGNVV6LQaZ0EFHhFbj9Ji0cslRMqVL5pZ2NbZUa9UZImWyXRNXTYG12dmaJYDgGSmxih0XhwavyubaWkZFUR31Kjlbe9\\OoYtvbdf0kr8bonUzcCwSPE+MVUldJWNp0htsVboquvr2FSSfLgMNLpDXcJdRPHV4JhWOR4Y1k0UbJqpH07pFyOdfImZrmut5HEb6craYbwf41h1FLBRaY1FLJPIs089Ph8KSTSLrV73ORyqvyTUlhslyl+HOcHpqqjwump6+tdXVUTEbJUrGjFlVPrK1NSL5isVrsYwbEsQxBJIdIa6gosqItPSxRXV29c7muX2IFlk+HQHCHLUVPF0uNRVNPU4Vi0TZJairmqM7VXU9qWZG3M1UX7S2VLpZTNdsenZzHgwwyg0nxvSBMSwHB6\\B6dY2RVMtHE53KFbeRjXNujkbfukXaWM5WyTq7hrqiLC8LnqHRyOgpYlerIWK52VqXs1qa1WybCuXd01wj6ROrcD\\eWbRpuFNpIpI6SuxeRY6iRZGKzi2QsW65kdft1RE221EdcZ123bzgPqKPFuDttHV4jDiTYomxVFDPDGiUiZbcW5Eal0W2a7rrr1qImp0riFdV07+FSOt0hxeBaegw6zItHEl7dUmu2F2S7nakzKmpE1IRr+Xo7w0axuk0hweDEsP45IJkXtZo1je1UWytc1daKimnKza7NmEAAAAAAAAAAAAAAAAAAAAAAAAAAA8scP30lVfq0HVUsSuuQI6jml9gEUIF2LcBYaBmAAAAAAAAAAAAAAAAAAAACvU7GgQAYy81J6K\\ID3Bo\\3iw71aPqIRV8AAAAAAAAAAAAAADFXARukRAMeOTyAEmQDJJUA644fqZarg7nlZtpp4pV17r5fb3SHDiJvg\\T\\\\ABHXml\\qOMv80s\\9vMMTXyTxsiYr5HORGtal1Vb6kRDxXu\\rOecmNuV2juCoxXhJq4ZWSYHDG2eNYla6nYx1lbl+s697Ha5a3h+Iw4f\\AELSylmtbtd+9vzv8TZwnQaGmwjhEw+n0lp3MjgqEZLGv1JPq3tts610MaUmOUlff\\1bVz4n\\TdTPhMu83l8z57\\AGevsyIfRfxd9zp0gcO0thrU000Or6OB0sEU1TT1CtRVRjZIVyq7oTMxNZGpttXX3CzgeM1uhOP43jOH6NUVTFA2W9NA6eq7RyW\\jrlyr5kXVqFbws3kjnNbNV6GYNVY5V1+L47DDCj5qb+BGkbE1q5jUa1NSbUvsHZj3XZqeA6KpkwfGdIMQgdTzY9iMlbHG9LOSLYy\\nS6iLn4nwt8L+LU+B4A3GI8Rkw7FonJDRzMbna9zlRVjkbZbxrluu\\Vq1imE3uylhWneh1dpimLM0ow1JOx6UaxSK6GzuMzq5Feiav0G5ccpNtmv0m0afNo\\ozh2AY3FNQ0uKMnrP48eR0XHLNn27WusmpdaKFmXW2u06bGMNq6paamxCjmqETMsUc7XPROmyLcrG1cdx+ip9EMG0k0h0dw2kXFJGurajjEX+OrUuqXRbpqRV6L+cLPxWSuPaA6L0+knAfhuFY1EjeXQTSo9G9tFxsr5Guaq7F7Zqk26NZZbZ7xDUVmEf0i6B4FQ1stRiGDR1EErJmvSRGcQiI52ZEvfImtAdeW12ylraiubVaUY7RaOYHVYpiL8tPA29k1ue5dTWNTe5VsiJ5Qsm92cW4LtH6+n7I6S6RsVmkGNvSWWJV\\3WFObhTzJt8vmJGsrO0c+KwAVsSrYsPoZquo4ziYW5n8XG57reRrUVV9gJ1dJae4TLpLjEmIYbhtRTrHJT1k75qNsVRxUd7uR0r1siIi2akaIq3vcldcbt0rmeh2ONwqbCMHfRSsgxLjKinqZq6ne6TN26uystdFVdyLt6AzZv1dhKurUl1Kw6u4S9GXV2ielGO6QvbUVVPhNWlDSt1w0aLE7tkv3Uq6rvXZsRE2rK6YXrJFatw7Ryv0h0fwSbAYazEsWoYaqunV7mIyCBqZHPRF7ZVcuVE8uu9kBvZLd2zwPG61cRiosPwmOhwpMYq8Kc2npsisjZFdkurU3tkXXayoqBLFzQPFNJItJcZ0d0oalUlI1tRR4k2Pi+UQuVURHImrMltdvKImUm0sc8KyAAAAAAAAAAAAAAAAAAAAAAAAAAB5Y4fvpKq\\VoOqpYldcgR1HNL7AIoQLsW4Cw0DMAAAAAAAAAAAAAAAAAAAAFep2NAgAxl5qT0V+QHuDR\\vFh3q0fUQir4AAAAAAAAAAAAAMXLYCpUT5UUDVVNejb6wKTsUS\\dAG4on2gJm4mn2gNJp9OlfoTjdMjONe+lerWWvdUS6W8t0Mak3xsfQ\\wBJ1po8bpalu0mUeYdFqCoxjHaSlpG5lV6Pe6+pjEVFc9V6ETWeDHG5WSP61x\\+oafDcPlqZ346fe3tP3eg6eroMQR2IwUkcq1L2z00vJIs6tVXa7uY9U1omty+ax7JtesfzfPPV0P\\AAZZ7cu8ynNlt8eLjP8Aaf33dGabckp9LKimwdK908MqslkqHo+WWoRy5lTKifW2dO08mc2yuz+gf6XxGefB458Ry7WdJOkmO3Sdfs9W4fivHUFNI\\M1z4muVHoqKi2S90XefQnZ\\IdXGY6mUnmrHZFvSVzfFxJqfWA02lcNNpDo\\XYTVyOZT1bOLkVutct0VU9tre0LLtd1ubEonxujcjXRqmVWuS6Kmyyou0IhdizUSzVRETUiIBXkxVjlTNlW2tLpewGqxikwXHIHQ4vhlHVxr4WJFVPMu1PeNlls7OGf0PaFzzOe1lfE1VujGVN0TzXRVJs36mTs7QzCcL0WwWHDMGhSKnjuqqtlfI5VurnLvUrFtt3rkbpo5Y3MkRr2PRWua5LoqLtRUCM4pY442xxo1jGIjWtalkRE2IiAa5cHwx2krMedAi4oymWkbKq7I82bZ0+Xo1Bd+mzbpMnSEaerwWnxHG6bEcTdyhtGuajp15uJ\\hVT6z9yKvcps1rcLv02bvjU6QhxiAfUkTpA0WlGCOx6fBs1W6Klo61tXNCl7VCNauVq2XZmyrZbotgsuy32Ho1xmrxR+d9TU0zKR93dqkbVctkTddXrf2A36bNdimheDYlo3QYJNC9tJQLEtK9j\\wCJAsaplVrlut9Vr7xssysu7kyKgZU8Zw6mxjCqvDq1HOpqqJ0MiNWyq1yWWy7gsu3VLHR08czJmwxpMyPiWyZUzIzblvttdNgRYAWAAAFwFwAC4C4C4C4AAAAXAXAXAXQBdAFwF0AXQD5dAPtwFwFwPK\\D99JVX6tB1VLErroCOo5pfYBFCBdi3AWGgZgAAAAAAAAAAAAAAAAAAAAr1OxoEAGMvNSeivyA9waP94sO9Wj6iEVfAAAAAAAAAAAAAoEEzrIBosTqMjV1gcPxLEFRy6wNYtc5V2gErndIGbcQcm8CRMRdsVQOEaS6FYditS+roJn4bVvSz1hTtH3TXdqWtffY5ZaUvWdH3uB\\+Qa\\DY+nqTnxnnv\\ALo8K0M5MsaVmPYnPDEmWKKKVYmsTdsVfyJjo7d63xP+v3U3unpYy3vbJd\\8MsF0NhwnSOPF4cRlkkZK5+SWNH3aqLqzLrza+6LNKS7s8V\\r+pxPD3h8sJJtO3T\\ALPs552Ud0qdXwDso77SgYLij\\tKBG7EnrvAidXvXeBGtW9d4GC1LukByl\\SBPBWuau0Db0uKK1E7YC\\Hi+rugJUxj+0BI3GE+0BMzGE+0BM3F0+0BmmLN+0BkmLN+0Bk3Fm\\aAlbijftIBI3E2rvAkbiLftASNxBq\\WQCRK5q7wMkrW9IGXLGrvA+8rb0gOVt6QPi1bekD4tY3pQByxvSB95Y3pAcsb0gOVt6QHK29IDlbekD7ytvSB85W3pAcrb0gOVt6QPnK29IHxaxvSB85a3pActb0gfOWN6QHLW9IDlrekBy1vSA5a3pActb0gOWt6QPM3Dw9H8I1S5NaLSwdVSxK69AjqOaX2ARQgXYtwFhoGYAAAAAAAAAAAAAAAAAAAAK9TsaBABjLzUnor8gPcGj\\eLDvVo+ohFXwAAAAAAAAABcDBz7AQyzo3eBQqatqIusDjeK1KOR1lA4hXKrnqBTA+XAXUBdQGZQGZQF1AXUBcD5cAAAAAAH1FsBm2RU2AZJO7pA+8od0gfUqXJvAzSrem8DNK1\\SB9Suf0gfeXv6QPqYg\\wC0BmmJPTeoEiYo9PrASNxZ6fWUCRuMO+0BK3GXfaAkTGnfaAzTG1+0BmmNr9oB2bX7QHzs2v2gPnZtftAOza\\aAdml+0B97NL9oB2aX7QH3s0v2gPvZpftAfezS9IDs1\\aAdml+0AXGl6QMVxpftAYrjS\\aAxXGV6QPnZlekB2ZX7QDsyv2gHZlekB2Zd9oD52ZX7QH3syv2gHZlftAdI8K9RynTOeRVveCFPc0sSuHgR1HNL7AIoQLsW4Cw0DMAAAAAAAAAAAAAAAAAAAAFep2NAgAxl5qT0V+QHuDR\\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\\go\\kVK42BHUc0vsAihAuxbgLDQMwAAAAAAAAAAAAAAAAAAAAV6nY0CADGXmpPRX5Ae4NH+8WHerR9RCKvgAAAAAAAAI5HWQDWV1TkausDiOLYiqKqIoHGKmrc9y6wKU0siMVWM4x32cyNv7VA1UFbUOxSsj4hXK1ka5OOb2upb2A2t1VNepQKdZIkdRTrmeiI5VeiXy5bLrX22JXbTx3xy\\wAf3QUskC17UbNG+0eRrsyXcquv+SD5bzxy9PrNuv8A6bMrzMJe5TVftk3XAzA+Ley2tfdcDQTslZT4jLMsckkb3KsjnuZryJZERN2vUgG2w2B9PStjfdVTXdZFeq36VX5AWgMI\\r6rdsu63\\384GYGuxZrWzUc7nPR0ciolkV1rtW65d6ga3DYZIcRV8sTWMVWo3LHdWKqakXoum9N4HIwC7AMYubbu1dFvyAyA1lK+eF9W1KSR7XVD3NcjmpdFXygTYU2RsMyyxujc6eR2V3QrtQF0DD\\AIy6vqprt5en\\ADMCpicj2QMZC9WTSSNYxU27df5XAjiw5InMVlVU9oitaiqmpFW9tgF8DCTY3Vftk3X3\\8AvWBmAA1qxura+ZUqJWR07mozi1TU63bbvKgFqjpuTMyJNLI1EsiPVNXuQCwBh\\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\\IBdAwW3HJsvl6fL0AZgUMZmfBTxOj7pZUamzodvXUmu2sDUyV87HuurGK1itWNWNVHWa1117bXdVX\\C4HJGLdjVXeiKB9TaBhDZWarbV2LfeBmBrayVzK1scMjmMVqq9IcmZX3S10d5AJsMmdLFJxkmdyPdlurc2XdfLq6QLgAAAAAAAAAAAAAAAAAA6u4QP6zS\\dR\\IqVxwCOo5pfYBFCBdi3AWGgZgAAAAAAAAAAAAAAAAAAAAr1OxoEAGMvNSeivyA9waP94sO9Wj6iEVfAAAAAAAA+KBXqW3aoHEsdiVWuA4NWxuSRdQFaygRVHMSIsiR5mq1HKtrKqWuBpKdyLyRnHRMf3TncY7MmXbe7rawN+mtLprRdYFLEmNcrG3lSZzXIzIl+i9\\wAiV30bZvfhDQRrx8b2vkcqN4q6x6sqdK9N9\\sJG9W\\hss+\\dtcpp5Xx7Fslr7U2ASJH5QMuLRNaqmoDQVFFRK6FHV8OdXKiKj2q1O3V+vXt12A2+HU8TIHJHOyZFe52Ziou3dtUC4kDelAPsUDVzXcvdLtsBKlOzpQDW4xBTNfBx88bUcj2MZIiq1VVNarbXsuntArUkNM+ammiqJJFe\\O5XQrku5LJZU7lbJbeBveTx\\aQD4tMz7SAYxU7OLbd2u31tSgZ8nj+0gFCbAqSRitRys\\hLE2y3you9PLrXb0gWoMPgg4zi3Wa9yvVt9SKu23QBJyaP7SAY8nZxq9stsqdFgMuTR\\aQChi1E1WQTJLHG2nfxjnPZnS1lTZv2gatcPijdyd1bSo9OKje1Y1VczXXtfdtQDkq00d17ZAMJKZlks5e6TZYDLk0f2kALTR\\aQDWz4Qq8c9k6OkfK2TK7UztdiatezeB9w\\DnU75M\\EsY5ERGsVXKqpquqr5LJYC2tO3pQCNYE41Na2y+SwGXEJ0oBVraDlPFNzNyNcrlvrv2qonzAprgaItO5tRJnZka5Uy2s1qpqu1QNokCIiJmuA4lOlAI44e01qt7rttfb5AM+JTpA0lfRpTVLp56iCOGWoa5qObrvktt9gEuEUiNfnSppp2thZFeFESyoqrrtt2gbPiwMVYAyAfMoDKAygMoDKAygMoDKAygMoDKAygMoHVvCEltJpfuo\\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\\jvAnWhq\\Bv9wHzkNX4N4GCUNVx69ot8qblvtAz5DV\\YeBrdIMNqpsPWLis0j3I2Njm3zO6E6N+sDXwUdW6ofDGjmxq\\MqWytaqZVyqm5URi+9AORrQ1ar3DwI5aGqs28a90m1FXeBJyGr8G\\3AOQ1fg3gRRUtY90yKxFyPypldddid10L5AJeQ1fg3gfOQ1fg3gYLQ1XHp\\DdfL0a9oGfIarwbvcBFUUtXG1qoxEu9re3dlTWu7y9CASciqvBvAchqvBuAchqr8273ARw0NTxeqNbXXYipvAk5DVeDcBpMXpK5K2JscDopX9qyeWREaiJ2y2br2+XaBawumm4yeBkKI5mV73tfnzq6+tVsmvUBf5HU+Dd7gHI6jwbvcB8WjqPBu9wDkk\\g3e4D5ySfwbvcA5JP4N3uAckn8G73AOST+Dd7gHJJ\\Bu9wDkk\\2He4BySfwbvcA5JP4N3uAckn8G73AOST+Dd7gHJJ\\Bu9wH3kk\\g3e4DqjhFY6PSiVr0VHcTFqXzFSuMgR1HNL7AIoQLsW4Cw0DMAAAAAAAAAAAAAAAAAAAAFep2NAgAxl5qT0V+QHuDR\\vFh3q0fUQir4AAAAAAAADCRcrVXoA4bpBikrVc2NHJ5VGw4XVVNTPJtcBFxFS76rwMpcBra6mfGxFYrrdst9WvWBBS6D1ElNM1skKySI5I4kl1IqufZV1rucmryAczoNDkZExJVuqIiAWZsDhpqulp4WKj3qrnSZdSIiKtvbb3XJa9Glpy4ZZ5fHx\\wB8J8FpYX1HFR8nyLd+RrUS3msvtJK68RpcuPNZf+\\s3yYZB9hvuNPE+S4bAiN7RO6TYtt\\\\vUBKmHQeDb7gC4fDZbRtv5UA4zVyRy0M0FLHhD1jRF4tkiuyojk+qrbAchosPVILVjIllzLzetLX1bk3agJ+QQeDT3AYw0MHb\\w07pd9\\8A7eYCTkMH2G+4DFaOma9rVaxHOvZFtdemwBMOpktaGNLKqpZqbV2qBlyGDwbfcAWhg8G33AYQ0MHEs7RNib7\\AJ7wM+QweDb7gOEYm50lW5I5oWqySzmyvki6dWW90TZr1eQDkWjcEU+HIqxWTNdLtdv16lVVzJ5UWwG25DB4NvuAjSig49e0TuU3+Vd3+IGfIYPBt9wGr0i4vD6SKaOnY53GsbmVWty3VEXb0pdANfK2JcTbTPoqNsD3tWKOViL5XvumpF16r7QOScig8G33AYS0UCI3tE7pN9t\\\\vUBJyGDwbfcA5FB4NvuA45iTpoJKhlHT06KkzczmxLr2Kt12KuXaBscJy1j52zRQtdEqIrWscipdL7\\ACKgGy5DB9hvuAjWhg49O0Tueny9H+IGfIIPBt9wGsx6nZT0TXQwsc\\jEteJH2sirdEVU16ukDUsr3LUwuWNjo1RjXRoxqXVWI5VRVciqt3IlrWA5OlDA5qLxSJfXZUA+8ggvzbfcBHDQQLHzabV35t\\SBn2Pg8G33AcexCNvZiaBaRk\\EwLLC3iEVcy9rrVVXVffZALOCUrJHyNkoqditYiPni2Pe1VaqbE2Ki+8Darh0H2G+4DFcMg8G33AYrhkH2E9wHzsXB4NPcB87FweDT3AOxcH2E9wDsXB4NPcA7FwfYT3AOxcH2E9wDsXB9hPcA7FwfYT3AOxcHg09wDsXB9hPcA7Fw\\YT3AOxcP2E9wDsXB9hPcB5o4domw8ItSxiIjUpoNX\\apUrr4COo5pfYBFCBdi3AWGgZgAAAAAAAAAAAAAAAAAAAAr1OxoEAGMvNSeivyA9waP94sO9Wj6iEVfAAAAAAAAARz82qJtXUBx+qwps8qq7uV2+RSjKHA4Gd0xHLvUCw3DoWqmRqJ\\iB8rXNpqN38LM19okRia7uXL\\iNhpYGrA2nY+JqpQqsipHTsa60erW7N5RsOWR1MTmNXW26ItlQmwqYnNAjYpVqI40jVy611r2ipqTp1kr0aG9txk332\\5ivhMP8encysilyRKkjWq67lVE1rdV6F95I7a+f4cpcdt707f\\AE3mo08KOdO1bZF7pNjb7\\8A3rAkAAaiPC53vrHVdUjuVNyuZHGjWpqsioq3XUBew9tW2BUrnRPlRyoixIqJl3bd4FkCOH\\ial7tdrbf\\fzgSAU617YqillkdC2NHKy72Krru1JlXdr2gKXEaapc1sUiK9yOVG77I7Kv5gXAC7AMKfVAzbsTa3L+W4DMDi83I3VNdUNq5lc6VqrG2JyKqqiNRG3tm7hdadCgbzBmxx4ZAyCVJo2NypImx1lAuARp\\vC6l7lPq+Vd\\wDgBIBrsaoEro4O1zOila9rVXVtS6qm\\Vf3ga2owed1bVuihg4iWaJ6IrlS7URubtdi7F2gcjAjn2M290mxt9\\\\AL1gSAAOMYxh0VS6pdNURRqtQy13JsszMi6tuVF1b\\aBd0diYyWudFJFJEsjWsyPRyojWImu2xdWwDdAR\\8AzCal7hfq+Xp\\wAkA1uOwLPStRUiWNqq5ySOyovaqiJfzqgHGoYGNfE3lFFNM9EjWNKi2tFYjddlui5EumpQObNvlTNa++wH0COn1R677V2ty7+gCQDRVeBpPistSutJGNzOcvbLZ3cJ0JbV7VAs4Ph76VXTSuyyy5lkjYt2XV6uT2oi2A2gCwCyAfLALIAsAsAsAsAsAsAsgCwCwCwCwHljh++kqr9Wg6qliV10BHUc0vsAihAuxbgLDQMwAAAAAAAAAAAAAAAAAAAAV6nY0CADGXmpPRX5Ae4NH+8WHerR9RCKvgAAAAAAAAIZlutgIbW1p+nsKMVb217Wv0AfVR6bHL7dYFHFGPmp+LkpeUxZkc5jX5XLZbpa+pdabLoBr+R01S1Im4TOxnbJeZyNaxHLrtZVVQNw5rERqX1JqRQNTjrWulpf4jEfG7PrvrRe1TX53ISvVw3bLp3\\\\AL\\wiw5FZXNkc5rFc1Yka1Vujr316tWxSTu1q9cNp\\dvWzzN+tm8+s08ZNVrlbmazu27XKm8gnSsav1HAZJVsXVZ9\\MBBQ16TUrJJFjV63usS5m7V2KBPyuO+x3uAcrj35vcBFBVx\\xLIq9uuzX8wJeVs3tcnsA1OPugnZT\\AMOV06yJHHlTbeyqm1NuXaBqsDfTvrIlnpXROkRzo2It0vG5e2vmVf8AADlXK2\\YcA5W1U7lwGFPVM4hmVqqmVO5W6e8CRKpq\\UcBwOWodG6Z8eXPZJURqqupGza3a\\Ki6rJsA5No\\KkFPNFZHOZJazVRLN+rdEVUT3gbXlX\\wBNfeBElV\\tDu0S+RPrLfavsAzWqfuYnvAilrZmLHkhY7M9Guu+1k6fL5gJEqn\\AGG+xQPvKn\\Yb7xsI56pVRl2t7tu1ypvAz5U\\wCwnvA+8qd9hPeBxbGKqsfUzU0TY3K5\\b8U1Wq5vFOVEcqLusmsC3opUTxxTwysVEYkao1VVbKrbqt7rrXaNhvuVO+wnvuNhHyp3KE7Vl8i\\WW+3oLsJOVP+wnvJsNdpBVSphc0jGc2mdbSuYtk9HWvmA41SrMlexIJ6lZJnoitkqXo11m78q33aturUNhzVKqSyJkS\\nUuwLUyXTtGoTYRwVL+L7VsdrrsVV3jYScpk+w0DCOsldLK10TEa1URrkfdXat6bgJOUvv3DfeNg5S\\7LfeNg5TJ9lo2DlMl+5ahdh8Wpk+y1CbAtTJ9lpdg5TJbuWk2DlMv2WgOUyfZaNh95S\\7DfeNg5U\\wCw332GwLVP+wntWwDlT\\sJ7VsA5U62uP8AOwDlTrc3+YDlT7c2nvAcqdbm\\wAwPMHD05XcJFUqpa9LB1VKjrwCOo5pfYBFCBdi3AWGgZgAAAAAAAAAAAAAAAAAAAAr1OxoEAGMvNSeivyA9waP94sO9Wj6iEVfAAAAAAAAKtkAhVLrrAxVPIhR8y28wBqAfVbuAxVoGDmAQSwsku17WuRU1tVL3Qiy2dYxip2QoqRMaxFW65UtcLllll3rOylZRzIuVMrV7pNikGbda60uBllVP5AcYdilbE+RGUmVsDnK9iJqb2l0aqomuyqi3QDe4bJPNStdUMs6yWci6npZFzJ0eYC2jfJfzgYxo7t7otsy2uqbPJYCRNW4opV874Z6ZsfF3cqrlexyotk3OTY7z7dZBqcDxJ9TVUkfEUzUkie92RllYtkW21d6rtA5Gl+hADkd5PcBjFmWJmZLrbft\\IDJUcu1EXzoUcVo8TmlrZuMZEyJGvyP5Oxy5Usi3RFvu\\Ig3Oj87avDI5o3Mcj+27WHI1F6ETfs2gbGzk6PcUYIj+OX7OVNyW2kGdneT3AUMZ4ziabi+KSVaiNrXvjRyMVVte3tUCrFicslXSwufE2dX8VPS5buauvt0X7OzyWXpKNzZypr1+wgwkz2bZV7pNiJsAys7yL7APvbX2\\kBUlw+nkVc0LUVVVVVqq1VVdutFRS7iSlpIqXNxDVbm23e53zVQJ+28nuAw7fjUvfLl8ltpBnr8nuAo42\\i8LmV8TZmOysWNb68zkbu17yjWcc9tQ3i6CN00bkdlSN7VS62vdfaByHttiWsNw1+ZAMIkdk1q691226fIQZWduX3IBocTraqmmq2UUFOs65e2bmVzlVNV0y2vZF37Ci\\hlbLWSyskbE3I1Hdo5yrr2LramrUBsMrulQPiI621bECzk32AIi7lt5gFndICzun8gHbdKe4o+9t\\NAGvp\\IgWd0\\kA7bp\\Iodsm\\3oQEzFDWAst93uAWXatvcB5k4evpHqr+K0\\VUI68AjqOaX2ARQgXYtwFhoGYAAAAAAAAAAAAAAAAAAAAK9TsaBABjLzUnor8gPcGj\\eLDvVo+ohFXwAAAAAAACgYKgHywBW3QD4jQIK\\i+SvSV0rWu7XNEjlci9KZUVQNbT4\\SSMp7Mqf4rnMusL1VMt9a2TXe24Dbts9jXNvZyXS6WX3KBWfTq6uilSKJWtjc3OqLnRVVNSbrLbX7AMqd8dTAyaB2eJ6Xa5EWygZ8WBFUMu1upO6Ta2+8CVsYGWTyAcXrKamlqIKmXEYlvNK5L1CMTLlVERNW5VRFA32FMd2Op+MmZO\\Lrka7MjvMu\\o9gFvi\\IBHCy3GWRO7XYlv\\v5wJMiAa3GaaonSJsD0YxqPcv8TKrnZbNTzXW\\sQDU4ZhdZT4lFK9GcWj7qiVKusnbarb9rfcByhGAFbqAjgZaFlkRNSbEt+QEiN1gcZpsNjl4iF1bAqsbIkkcciK6yrdUT\\HzgbXAqRKegZkkzMkRHo1NjVVNdl6FXX7wNjlAjRn+0LqTuE128q7\\APACTKBQxiOZ1PC2nfJG508bVfH3TWq7WoFKKardXUsT2zpVMdxc7UjtE9mv+Ijral2WS\\ksBvMgEczO1bdEXt27Uvv\\APesCTIAyAMgHzIB9ygRqz\\aE1JfJtt5en\\ACTJ5gKWLU76inigbHma+ZmddyNRcy3+FE9oGhiw6oRI6l1CnGSZGvYsUeVEza9W1NSqByri0RLIiIiakQD6jNYEdOxOK1Iia12Jbf0ASZPIBx\\GMMlqHYg9krI1csfFqrrXVG2XXfVvAsYLSOgraxUVqwoyOONUei3RqLrsirZNe\\oA3GUBlAZQGQBkAZAPmQBkA+5PIAyAMqgMoDIB8yAMgDL5APL\\D59JFV6rB1VLErrsCOo5pfYBFCBdi3AWGgZgAAAAAAAAAAAAAAAAAAAAr1OxoEAGMvNSeivyA9waP94sO9Wj6iEVfAAAAAAAAAFS4HywCwCwFbEZGRUj3PfKy9mosSXfdV1Iia9YHG4XRsq1lqMSloNaZopVZxr7bL9rZPZfbtA5XG5sjGvYqK1yXRelFA0mkj6f+HC5XpVPTtXNc5EiYq2V626N3SoGp0OWCFtNG7j5c6Ximu9Ua7Xdjk2dKouz3Acyy+QCKZqI1t9XbJ9bLv\\8AeoCXKAVt0VNgHB6+ZzZo56d00jo0lRZbNbxjc9rrZUuv8Nde8Dk2jrcuEwsVHI6PMxc2tbo5bgbKwEcKX4y2vt1+tf8A+3mAksBDUUdPUq3lEEcuXZnbewHHtGqVrYKJzqGF8b2qrZ2t7djkVe68nQqeYDk9gCpqAwgS8LFTXqT62b894GdgOIqj2YlWOrHcTNHEqySRztbeNbq1rW2umtLqt7+cDcaPQPp4pYHSyvSPi0Rsjsys7RFVPzA21gI0\\wB4VL\\VTVm8q7v8QJLAUMaZM6itC2VyZ28Y2J2V6sv2yNXpsBp8MZXcujWNte2Dje046RHRpBbYqXvmvsvr2awOT2AjnSyMvq7dPrW3\\wDvUBJYBYBYBYBlAjt\\tCJfXk2ZvL0f4gSWAWAWAWAWAjp0RY9XSv1s2\\pAksBxnG3SpWSw8VGjpXxor425nuYqPSyoqKl0ttRAMNCVe3jo3Xs6CKdVc1Ec5zs11ujUvsS20DlNgFgFgFgFgFgFgGUBlAWAWAWAWAWAWAZQPLPD99JVX6tB1VKlddAR1HNL7AIoQLsW4Cw0DMAAAAAAAAAAAAAAAAAAAAFep2NAgAxl5qT0V+QHuDR\\vFh3q0fUQir4AAAAAAAAAAAAAKWM1ElLhlTPBlSVjLtVyXS\\mA44mL1SVK\\7c\\t6haRrOSXTM1FW9s10XansA5cy+RqOW7ra1ta6gUcarJKKGF8TWrnlbG5zmqqMaqLr1a9wFfA6nM99NEkS08TGq10TXIiKqrq7YDcARzXyttfuk2JfeBIB8e5rGOc9URqJdVXYiAcLdPR1VFNUR0FFMjY14hj4lRzI0c5qX1Lq7VV9tgOR6P5Fw9HR0rKRrnKvFNRUt5daJt2gbICOG\\b3v3S7UsBIBXraynoo2vqpEja5cqLZV1+wDXYNiNAs3Y+hV2SNiOY5UdZ11W6XVNqaveBuQC7AMIL8Sy9723pZfcBmBxrFHUdCkay4SnazK\\tct35daKmtFXai2tYDZaPvZJRveyn4lz3q6Tt0ejn77LdV8muwGzAjS\\KF7q2VN2rau8CQDj2ktNMsrZ2silgcjI3sklWNLI66oupUsu\\zJuAmwCneypqJ20sNJTyMYjGQyo9rlS93aksi7EA3YEc17Ntm7pNiX3gSAAAAABHr5Qm22Xo1bekCQAAAAAI4L8Xrve67UtvAkA4pjc6Utc97aK6q+76hlU5rkS1kvZFtrtq17QLujTnvdI6SB8LlaiKj51euryKiavKBvgAAAAAAAAAAAAAAAAAB5Y4fvpKq\\VoOqpYldcgR1HNL7AIoQLsW4Cw0DMAAAAAAAAAAAAAAAAAAAAFep2NAgAxl5qT0V+QHuDR\\vFh3q0fUQir4AAAAAAAAAAAAAK2I03LKZYM+RrlbmW2tWot1RANSmjdPxiueqOTjFcnSiKiXW\\2roi3A30bcjGtzK6yWuu1fOBosepa2erV9JDxjOTPYirMseV6qllS21fcBhR09Y\\E4Z+La6n4+RyzJUK5XMVjkRMuy17bwOQgRVFsrL5e7b3V+kCUAqIqawOG1mHuVFSSop2omt8SvTWjqhzmqu1LWXZZdYHIsEpnUtI6J6MT+I5URioqIirq2InyA2AEUFryWy92t7X\\PygSga3G6uSmbTsjnjpklerXVEqXbHZFXpRLra2sDX4LjU1ZWRxPkpZkfnRWwo5HMyrqet9zt3nSyqByIAuxQI6a3J48uW2VO52ewCRQOJS08sVQ2RtFNHGkkr2MZHm7VyNTci2W7VW3lA3OjzXMo5EcyRirK59nsVu1b77AbQCJLcqd3N8idN9q\\kBKBVxGrbRwLI6OSTdZqJ+arqRPKoGiw+ri5aj5IUR71zJyZFarV+y5qL26f2re4Dk4EVRbKy+Xu291fp+YEoAAAAARauVJ3N8i9N9vyAlAAAAACKmtxXa5bZl7m9tqgSgcU0go5K6qm4qC63bG1zo1VFVEzbei106L2Av6NxpAs7OKezjEbKiuYrUVFS3sXVrQDeAAAAAAAAAAAAAAAAAADyxw\\fSVV+rQdVSxK65AjqOaX2ARQgXYtwFhoGYAAAAAAAAAAAAAAAAAAAAK9TsaBABjLzUnor8gPcGj\\AHiw71aPqIRV8AAAAAAAAAAAAAAAAA0+kLpWws\\2mGKncuV7HuViyeRHoi21dCX8qAUdGJZXSuiilpmQxquaBqq7Mn226kyoq7tab9QHJgMJtTW2v3SbFtvAzA+PWzVWyrq2IBwJJpKmobTviRz5WNbnWJEcvQtk2a+2A5Zo6qOwuORqORsiq9uZbqqKu327QNkBHEut9790u1bgSAavH5JGQwpmfHTOfaeRkedzG2W2qy77a7LYCphU98RjZRVdRWUysdxrpmamW7mzsqe7X7AN+AXYBhBrhZe66t63X3gZgAAACNF\\jqmu2VN+rau4CQCjjMT56B8Ecbn8ZZq2RFsl0uuvyAaTDqCuhroJ6hs0nFrscjVtdFRypr835gcpQDCZbI3b3SbFtvAzAAAAACO\\8dE12y9Orb0ASAAAAABHBdY9d9q7VRd4EgHE6+rezSSpgfUpHGkF1zOaiWW\\a61S2y\\SBb0VrFqlqFfUMkerl7XO1yojVyoupVW1kTXvuByEAAAAAAAAAAAAAAAAAAeWOH76Sqv1aDqqWJXXIEdRzS+wCKEC7FuAsNAzAAAAAAAAAAAAAAAAAAAABXqdjQIAMZeak9FfkB7g0f7xYd6tH1EIq+AAAAAAAAAAAAAAAAAabSSVkUDJJoat0cK8bxlO9rLLZW2VVVF15twFbB5EWtZLyetWd0aRvz1DJWsS91XulW1wORARz9y30k+rm3\\+9YEgHx7UexzXJdrksqdKAUnYTROjVjoEVFVVvdb61va+23k6NQFikpIKRr208aRte5XqibL+To8wEwEcP\\E9Nfq2\\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\\l5wOuZ9JcWZJNLyl\\FserUtG22VF16sutdS2Xy7AOxqVXrTRLMqLJlTMqbFUDieleL1tLPM2KpjpY2LE1rHNcrn3kbd926kS2qy69S9KAciwarkrKV0skkEnbqiLC1zUt5na7gQY5NPBlkikfExI5LuSWNqXtdL50W1rKt9ezWllA0eiOL1Nfi0sc1TyjKj0ROOhWzUVLOs1iKu21721gcyAAAAACODm\\av1cu\\oAkA1k+EMkrVnjldEjk7drEsrlve+bb0e4CShoJKabjJKuWZVblVHIll2a\\yX3gXwAAAAAAAAAAAAAAAAAB5Y4fvpKq\\VoOqpYldcgR1HNL7AIoQLsW4Cw0DMAAAAAAAAAAAAAAAAAAAAFep2NAgAxl5qT0V+QHuDR\\vFh3q0fUQir4AAAAAAAAAAAAAAAABptJMPfWR072LK98c0atjRbMRc6XcqJ0JfzAR0FJNBjjFkaitSnciuaiqiXclkuqJr1KBvQI57ZW3y90m11t\\wD71ASAAAAABHBb+JbL3a7HX\\8At5gJAKeIUklY1sfKHxQLdJWsTtnp0ZtydNtfmA1dfoxT1WJx1cVRUU1mNjfFDlRj0aiom1NS601p0IBdwjB4cMV74nvWSRXLJsRrlVyqmryXVE8gE2MYezEqPiJJHxIkjJEey10Vrkcm1FTd0Aa\\D8BjhqKOq5ZUSrBdWNdxat1tVu1rEVdSgbqaNs0MkUiXY9qtcl7XRQNMzRjD2o1qJMsLYuKZG6RVRu1EVL67oirbouoG5hYscTGOe6RWoiK91ru8q2A1suBUM2IOrJYuMkc1zVz9tttruutNWq2yygSYVQMw9ZY2SLI56rK5zlsqqq\\ZTUiakA+Yjg9LiM6S1SOcrY1jaiWTLdb38q6k26vJrAyw\\C4KCRroHPskLYURy31Iqrfz3coE2J0TMQopKaVzmtfZczbXRUVFRderaiAa6HAI2Oic+plerZEkVMjGotlRUaiInapdEWybV2gbWqTNGiZst3IiLmtbXu8vkA0yaLUKVLZkfKqoqKqKjFzdzdFVW315UVde1Vta4G7p4kggZEjnuRiWRz3XVfOu8DWYngq4g6RJcRr2ROc13FRuYjUVFRUtdirtRF2gXKCkfSteklZU1WZbos6tXL5srUAixTCosR5572qkT4m5bdrnsiu89kt7VAipsM4nF46qWtqKiRkD4mtlVmpHOaqrZrU+ymsDagAAAABFT24vVl2r3LsybekCUAAAAAAAAAAAAAAAAAAAAADyxw\\fSVV+rQdVSxK65AjqOaX2ARQgXYtwFhoGYAAAAAAAAAAAAAAAAAAAAK9TsaBABjLzUnor8gPcGj\\eLDvVo+ohFXwAAAAAAAAAAAAAAAACtWS1ETc0MUD40RVe6SVWWt5mqBqtFamqqMLpVfFFkRFa96zOV6Kirtarf8QN8BhNezbZu6TubdPlAzAAAAACJqPyS5bo665c6Jb8twGtwaGtimfynjUj4tqLxsiPV0l1zOb0NtbVq8wE+DcrSnkZXMekrZZFRznIqOar3K21v7OUCKshrXYHxbFetXdmbK+yqmdFdrRU+rfegGdTFUOwTi4ElbPlalkf2+1L61Vd19\\tTaBNhLahmHRNq2qkyXRUV2ZbXW2vzW3r512gVKykq6nEMPcyWWOlijesqZ1arn5mZUVGql9SP8gGGkFJiFTJEuHyujaxjlXK9WqrrttZLoirbNbNdOkCbG4qqXiuTpM6NEfdsMqRuzW7Vb9Ca9X5KBHi0eJrQUS0TkdVxSNfKiORrZERq3aq9CrYC1gsVVBh0cdfK6WpRz1c9Vve7lVPysBXxeOrfUxrA2ofCka3bDIka579qt12pt1a02alAY\\S11XTxsoJOLemZVXjHNS+XVraqLt9nSgH3EoqqTDadkPGrKjmLJZ1nKltd8qpv6FAyxWKtmwpsGHuWGokRrVkc6yxpvW+u67t+0DKpiqqrBHskRY61Yl1RSK20ltzkXZcCSrilaylZTLJZkrM3bXXJvuq7fmBFVQ1rsTh4mRyUj7OlVHWVitW9k9K6IvmUDCriqnYzBI1JHUzWJqa9URHZlvdEcm621FA2oFHDFqU5QyrY9FSZ6se5UVFYrly2svRYD4sVWuFKxHubVpdzVui3VHXRPbqQCDiq5cPS7npVvTO5EcmViq9FVqL5E1eZAI9IYMTkVr8KkVHMhl7TOjUe5bI1F6F2qi7lTygZ4zFXPgp0p87kRF4xjH5HKuXtVuipqRdqIqAbGi41KSDlKIk2RudEW\\bW16wJgAGEN8nbZr3XukS+3yAZgAAAAAAAAAAAAAAAAAAAAAeWOH76Sqv1aDqqWJXXIEdRzS+wCKEC7FuAsNAzAAAAAAAAAAAAAAAAAAAABXqdjQIAMZeak9FfkB7g0f7xYd6tH1EIq+AAAAAAAAAAAAAAAAAarGYeOfEyeWZKRb8ZDFHfjPI525PJvAxgbG7FGz0rqiHPqmj4rtJLJZFW+xU6U27ANuBFUIitbe3dptRV3gSgAAAABFAiXktl7tb2RUAlAAAABdgEdPZII8trZUtZLIBIAAAAIkROUu2XyJuW+1d4EoAAAAjqERWsvbu27UVd4EgAAAAARauUp3N8i7lvt6QJQAAAAAiprJF2trXXYipvAlAAAAAAAAAAAAAAAAAAAAAA8scP30lVfq0HVUsSuuQI6jml9gEUIF2LcBYaBmAAAAAAAAAAAAAAAAAAAACvU7GgQAYy81J6K\\ID3Bo\\wB4sO9Wj6iEVfAAAAAAAAAAAAAAAAANJpRNTthgbLUQsljkbKkciI7Omtq9qqpdNart3AVsDnpHYrM5lXSK\\LxLGQsSNJPrK5EzLfo9igckAjn7ltlt2yfWtvAkAAAAACOHa+637ZfrX\\8At5gJAAAAAXYBhBrhZdb6k+tf894GYAAAAjT\\AHhderKn1vKu7\\ECQAAAARzbG2W3bJ9a2\\8A96gJAAAAAAj\\APmE16suzN5ej\\ECQAAAAAI4Ob231r9bNv6QJAAAAAAAAAAAAAAAAAAAAAAPLHD99JVX6tB1VLErrkCOo5pfYBFCBdi3AWGgZgAAAAAAAAAAAAAAAAAAAAr1OxoEAGMvNSeivyA9waP94sO9Wj6iEVfAAAAAAAAAAAAAAAAANbidZJSTNeiOWJsb3vTi1VHWS9kduXVv2gUcMxmSXEpKedjVSSoVkatla7IiRI+2ram3X5QOQARz9y2yKvbJsbfeBIAAAAAEcN7vuip2y7W2\\wDv5wJAAAAAXYBhBzLL3Rbb0t+W4DMAAAARp\\vC6ltlTXl8q7\\8AJAAAABHNezbIq9smxt9\\wD71gSAAAAABH\\8wmpbZV15fL0\\4ASAAAAABHBzetFTWu1uXf0ASAAAAAAAAAAAAAAAAAAAAAAeWOH76Sqv1aDqqWJXXIEdRzS+wCKEC7FuAsNAzAAAAAAAAAAAAAAAAAAAABXqdjQIAMZeak9FfkB7g0f7xYd6tH1EIq+AAAAAAAAAAAAAAAAAazFqCWteuV7EYkEjGIt+7clrr5ES\\vAqU2CS0+JQVKSQK1szpXo2LIuuLJZPJsUDfAYTMV6NRERbORdaqm8DMAAAAAMImq3PdES7lXUqqBmAAAAC7AMIWqyJjVREVEtZFun5gZgAAADBGrx6vsllaiXut9vQBmAAAAMJmq9G2RFs5F1qqbwMwAAAAAwyrx6Pslstr3W+3oAzAAAABQMIWqxllRE1qupVXf5QMw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8AeLDvVo+ohFXwAACHlMX2vyUGz7ymL7X5KDY5TF9r8lBscpi+1+Sg2OUxfa\\JQbHKYvtfkoNjlMX2vyUGxymL7X5KDY5TF9r8lBscpi+1+Sg2OUxfa\\JQbHKYvtfkoNjlMX2vyUGxymL7X5KDY5TF9r8lBscpi+1+Sg2OUxfa\\JQbHKYvtfkoNjlMX2vyUGxymL7X5KDY5TF9r8lBscpi+1+Sg2OUxfa\\JQbHKYvtfkoNjlMX2vyUGxymL7X5KDY5TF9r8lBscpi+1+Sg2OUxfa\\JQbHKYvtfkoNjlMX2vyUGxymL7X5KDY5TF9r8lBscpi+1+Sg2OUxfa\\JQbHKYvtfkoNjlMX2vyUGxymL7X5KDY5TF9r8lBscpi+1+Sg2OUxfa\\JQbHKYvtfkoNjlMX2vyUGxymL7X5KDY5TF9r8lBscpi+1+Sg2OUxfa\\JQbHKYvtfkoNjlMX2vyUGxymL7X5KDY5TF9r8lBscpi+1+Sg2OUxfa\\JQbHKYvtfkoNjlMX2vyUGxymL7X5KDY5TF9r8lBscpi+1+Sg2OUxfa\\JQbHKYvtfkoNjlMX2vyUGxymL7X5KDY5TF9r8lBscpi+1+Sg2fOUxfa\\JQbJGPa9t2rdAMgAADyxw\\fSVV+rQdVSxK65AjqOaX2ARQgXYtwFhoGYAAAAAAAAAAAAAAAAAAAAK9TsaBABjLzUnor8gPcGj\\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\\QB9AAYot01LcDJEVdy+4D4uq19V1snnA+Iva5rpl6dwH24BAAAD5dL2ulwPqIq7EUAt023TzgfLpe19YBVRNqogH0D4i+XUARb7FSwBVRNqogGQAAAAxRb7wPt9dgPiqibV2AfbgfQPiqB9RFXYigLL0L7gPi6toH1L9CgAPgBF1gFAAEW+xQPoAD4AuB9RF6FA+LcAi32AfQFl6FAKB8QA5bbdXnA+pddiX8wBUVNqKnsAAAAF+i5hPOoSpwAADyxw\\fSVV+rQdVSxK65AjqOaX2ARQgXYtwFhoGYAAAAAAAAAAAAAAAAAAAAK9TsaBABjLzUnor8gPcGj\\eLDvVo+ohFXwABdigakKAAOGcL1RJT8H2K8TynO+NWf7PDxi+37Kf2l2AdXUM2kDOEpeydTJFXTYnOk3J5NTGpBFlYn8F6amOstlsq\\Z1OUItIKqnlxXH8QZW1UuEthZTzZa6eN8ysdnRzGyzI5zUvZLZkVVWyJqVQ2uldVX11FgLqKSWBK6lrmKkuOTR3lbGqtR653pdqqipdy3Vcq2QDLg+rK+Or0jrYpcraSjrEaiyMW0jXMcyzUkfdERHa9mu11uBlXY5pFh82NYnF2ajqG0WHOe+ZlIrGo57ku9GuVcq5nWy6+ncB3RBU8fPVs5PUQpBMsSLMzKklvrM6W67X6UUDVaUzPhjpFjkkYrnub2kjmX7VVtqVN6WA0+jUkrqqnhjmkkYqSq1r5XIi2S+tLqlrqqbN1wNfXPWofEjI1ZHE1rbIquVe1ctnO2r3Pk1XAtaQy\\wAKjmydssDJkWPU1i2trTWEQI9YdG61WOkhVHtja1zu2eipeyW2pt3bgq1TSvXEKSR8s70Syvc5rkXOmpEVMu1EVUsBzSCaKdrnQyNe1rlaqtW9lTagGl0rzSQUsLWOVXTtstmqjlsqI2yrtW\\RuA1WBSKkOISRo+0lMqosatZky5luuVbpddWwDXcrl46SZtTOr+IRb8c+yoiXTXmvrVVT2X3gbTSB7mSPp0iu6Rkfb5leqtyvstl2O7XbrAq4c6RcM5IiPySVMbJMlke9HR511u1bfNqAtYfU1z54Kyd0jZZ1hY3KiZJI8yoqLq1Ov0AVqlatUWeq1O5Y50yxyLZqRpdNSJsTVrQC7UTVctVh6xq938F0je6R2u\\1lRERzkSyXTVrUCnRVE64LWz8ZUMjViuWZZURFlVUVUypruqKlunXcCrBJI6Gic+SZcqfxMzXIjETtmp3K6roltoG7xyrmnq206ObDHAsU7ZXMkVzlVFunapZANlglWjqCB9VKrZp3ua1sj1VVVNyXRF2JewGzf3DvMoHEOWOk0dkkSuVzXwNp3tffVKqpZWu8y6wM9I6ippsVZNSule5GpG1rGKrUfa6L0Oda+xLIgFdk9amFVrWyzxwo5VR8kdlusj8yJZLrdET8+gBy2oZV4e9zqjOxjI+LRHJqc1LLqau3L0qq+QD7Vy1s8tW2FJHrUrMyRLt1sjXYzeioirt2qoF1JpJpaSB9XUNgWrkjzI\\i3KxI0VEVUtsUCd70osUVI6qokh5HJI5HzLJ2yKllTygcdqX1krIErOVcYxuZyue51k2K7V0WRQLGMTOmrKlrEqZGOW0aOzJdVhZkTyOut\\aBfoElmwurSkpmysWqarURF1ItsyWVU7nZt23Amw6yS4cjHyORKydHI9uXKqNW7bXXUnnAnxXD4lqaOGF00TqqV6PkSZ6q1Earu1TNa4F9FfQRR09PSVNRG1O74xqr7VctwHKquVr2xUL4ZLdq+d7ciL5cqqoHH6OqXjqOppalj6+se+ORZX9o\\LsSydz\\ZtsvrvcDDH5JuyjmRSTyo1eMdDxj2ojrarbEREVN111+wC5HWKmj089JV1EsyvjRVcju0crkRWsz6+kCaFklJiFMkDcQZFNO503H5VavaqqrqTUt0QDe08sc8LZYXtkjdrRzVuigccx1XrjULWucjERM62eqNV3asVUzW2pq1ee4FCiqKqnw+tnZNKySOjhyZ2t3qtlTaERxVNRWYtSK+ad0j1a2NUVEtrRyr3OzKqqFXMYc+Sarp2O4iZ0qtS8vaq5WXvmVW5dSbNesCemqJo6Og5I+VIpaiRj+IgRXIjUXYl1Re2TaB8wCpnYlEx76nkyxSuessSNYll1WdbzgclikZLE2SJzXxvTM1zVuip0gcJxp9Qukc72KiQwTRsVuvtsyJe+vXbV+QFmolmZo\\WVjXJTxztjdEzjVettaKmvXdQMKOvVJMN42pllVFZdrUVddn6stroqXRPKmvcBFjHHOdLlVzHMklTimz5rWtI53c9zqRE6FUDZ10nKabDMy8pvNIjkZebNZq7bWvYCDRVMtbSrkezNRXVVYrc65k13Ve284HLAAAC\\RcwnnUJU4AAB5Y4fvpKq\\VoOqpYldcgR1HNL7AIoQLsW4Cw0DMAAAAAAAAAAAAAAAAAAAAFep2NAgAxl5qT0V+QHuDR\\vFh3q0fUQir4AAuxQNSFAAGvx3CaXHMNfQV\\HLSyK1ZGxSLHnRFvlVU+qu9N4Gpn0KwWoxmfFZ4qp1dLMtRnbVysRjla1q5Ua5ERFRjb9O+4FrFdGcPxOHEIqnlCNr5I5aji5cqvyIiI3ZqaqNS6bwJcS0dwjEpnz1dBA6pdGkfHtTJK1qLezXtsrdfQqAVKLQ7BaJKpKaGpa2qZIyZHVkz0fxiWeqo5ypdem1wIZdANFJaVIFwGga1EYmdkSNf2qoqLmTXfUBvqSigpJaqSBrmuqZlnlu9zrvVERVS66tiak1AZz00U8kD5W5nQuV7Oi6pbWm\\aBWZhNGxzFax6ZI3RNRHqlkde+zfr2gYLglAiKjInRsXaxj1Ruy2zzAJMEopZEkkY97kRqJmfeyNRURPNr1gfIMEooI5Y2RuySsSN6K690RFS9+my7QMHaP4e57XLHJmTXdJFRVW97r0rr2+YDZxRMhzpG1G53K91t7l2qBBV0FNWSsfUxrIrEVGorlsl96J0+UCCDB6WGNY43VCRKxzMizKrbKll1e0D7Lg9HLCsTo3I1Y2xLldZVa3Yl\\br6QMpsJo5ZlldEqTKt1ka9Udsta99nkAxbg9CjUa6FZGI9H5ZHK5Lolti+RQJG4bTNSkRqPaylW8TEeuVF3Kqb7AYT4TRVFPLDNFnZJI6VVVdbXLvau4D7UYZTVDf4qPWTIjONzdvbz7l8qAIcKpIZXOjY5EVLZMy5E1Il0bsvZE1+QCs7R7DXNRFietrpfjFuuzb07PYBN2HpLOReOVXZ8y8at1zNRq39iJboAmhw+nikc9GucqyJL2zlWz8uW6eWwFtdaWXYBQhwihhddsCKiNVrWOVXNYi7crV1JfeB9dhVKqRI1srEiZkjRkrkyJ5Nepd1+gBT4VR06y8TG5nGxrG+z1W6Kt12quu6r7wJFw+nV9M7IqOgy5FRduVLJfptdfeBjFhlHDUcfFC1s6q5Vem1c226\\8AuwGDcJouKjjkh45rHulTjlzqrnbVW+0DJuF0LXudHSxRudGsTljbku1dqagIuwdDx3GcW\\f2mdcuvalujUmoCeow6mnjjZJGqJH3CtcrVatrIqKm+28D5BhtLTRyspmOhbKiI5I3qntToXygIMNpoEpkiY5OIc57O2Vbuci3Vem9wJZaaKWphnejllhvk7ZbJfUq22XAnAjqYG1NPJDKjuLelnZXKi286AU34NQOdMr6dFWVjWLrtla3Yjei1k2ASTYdTzTsmekvGNjSNFbK5vaot9dl1gYx4ZTRw0sLUkWKnesjGueqorrqt16bKoF4DCCGOCFsULUaxuxE94EE+H0k9SlRNAx8yIiI9UuqWW6W6NYEEeC4fFGrGQI1qqxVRFXtsq3S\\TrAxqMCw+ofI98FnvtrYuXLb7Ntl9\\SBm7BqB7nOWBUc5VVzmvciuXy2XWBapKaKkj4uBHI297OervmoH2npo6embTxovFtRURFW+3\\AO4GcMTIYmRRNRsbERrWpsRAKsmGUck00skDXvlcj3K7pS1rdGxAI48GoY43sbBqc3Jrcrsqa+5ve21dnSBZdSxvSBFzfwHI5lltrRFTX06lAqMwWjjc50TZY3uSz3MkW7\\Ou8Canw6ngkjkYj3Pja5rFe6+VF22T2AZU+H09PO2WFitc2NIWpmVUa1NdkQC2AAAX6LmE86hKnAAAPLHD99JVX6tB1VLErrkCOo5pfYBFCBdi3AWGgZgAAAAAAAAAAAAAAAAAAAAr1OxoEAGMvNSeivyA9waP94sO9Wj6iEVfAAF2KBqQoAAr1sz4KdXxpErtn8R+RPeBpcMxeuqZY2SRUyKjckiLKiKsmq9tt9S7veBjV6RLHVSxtbExIHyZ8+ZVc1i2W1k1Kt0sB9xLH5aVlDI2Fjo57uVUVyoqdHc6un2ASYNjiVtY2KR8K8dGskTY9rbOXtXdC2svvA3ygcXxLH6uDEqqmigbkiRO3VL28uu17+fdquBLQ43USYbLPOyLjkRqsb3KOW11bqVVv57AZ4Vj3LJ1jzRK3PIma9vrWY1Lb7a1UClDpPNM58TmwU8iyOyumvla1EXVu13sl\\LsA5HhdYyvoIKmPUj23VF3LvT33AzxCpbRUM9S5qubExXq1F1rYDUw4vPDl5XHA\\jZ0Y3iqhjla1zkRupNa2vrAwmx9Yp62Nzqd3Eu4uNrFVXvdby6rIq6wIqrSGWKhpnxwZplkbHIi9Koi6t2tF9gGOFaRT1mIwwyxQxxzNaqIiuVUXtrpe2vYBydANHjGOdjq9YljRzWwcZrVEuuZE89tu4ClHpDVrhdRKtPG+oiVGKjFVbKqKt9lrIidIGbNJXNrVjlpJlic1iM7lq3XulXXsvs8wElXjssUdRG2NHTNcuRUTLlajmpZzXb+23X6QJK7H2x08Escb40fM5j8zM1kYtlRFTVdV2a+lQMqHGHy1Mjah0LKdY1dDNxb2pKqbct9qJ+e4D5UYvM2ga6NkT51ax+aN6K1UVyNVURddtwHzHMaloKiFrWRxRoqcasrk132NREuvnWwFnsjO2ghmnip4KiV6NSGSbair021OtuA1+HY5VVOJxwOji4p73NautM2\\b5ERfOBsKisxCKtgp0gpF49X5F4x2pGpfXq8oHzEcQqKR0EaQxulfE97srtTcttl9u38gMdH8TlxGNVejVaxLLIjcqPd5E2AbgDjOL47VU1VJHTIyRGvRqtaxHqiXtrXNqVdyWASY9O2ghlgWKV7nvRyual0REvZUa7Uvn9wEmG4zVVWISQOYzI9XJFZE7RUWyIuu6pquqgfJMcqUic9iRquRz254XNR6NcjVsubpUDYT1layvjooo6aSVYVlc9znNbqdayJZQM8PrJ5q2qpqqKJj4GsdeNyqi5r9KJ0AbADi66STLX1dOkLWImZIletlardXbbtdlXaBJ2cndhtNMiRtmlcvatyvVU3I1uZFvrT+QFeh0kndTzTVCN4xkLpEiVqMRbbFRbqqpqAlk0jkbUwxvZTsVJpI5EWZEujU1bUumveBaxrGZKHinQxxvZlSR\\bXu1U2J0bluBcwOslrKZVqGsSVmpytXavm3IBsgOKSaR1DZ52LxLckr40Ti3LqRyon1vIBedjT2wUbkilkWW7pHNp32a2y2VNt9aJ8wK9HjlVJhUkslOnKGU3HNXi32c5E36kS3mUCq7H62zkjdG6RLrkfAqZrqmRG2dv17dltYFnGsbqaSpkjpUY9WK1FajEeqXsl17bVt1IqAT0GNOljpu14501RxKr2rVjuirrRFXoXbYDfgAPgH0D4B9AAAAAABfouYTzqEqcAAA8scP30lVfq0HVUsSuuQI6jml9gEUIF2LcBYaBmAAAAAAAAAAAAAAAAAAAACvU7GgQAYy81J6K\\ID3Bo\\3iw71aPqIRV8AAXYoGpCgACtiEc8sCR0ywtcrku6VmdGpvVE2KvnA1dHhlRSScalPRVFQqpeoe5UcqeRLdr5kAoVWislTJJLLU5pJGyK5E1NzOddETydIFybR9XxUSOmWdaXuI5lXIiW2ate22voQCSjwioh49zqlqSyQLGkkaKjke52ZzvJr2eRANzE1zImNe5Xua1EVy\\WW20Dj+I6PPqK2pqYp7SzW7dyrdqa7pq3dz7lAzoMGrKellpnViMjkciOcy6uWNEW6Iq7L7AJMNwV9CqrTT8mzSvztYmZr41Vcqa9jk6fmBXi0elp1e2nkhycY6XM\\MrnusqNzea6rq3gbWhopKVadOPcsMVOkKxJ3KuS3bWAkxWmdW4bU0zHI10sasRy7EuBRqcJmlbCiVEP8ADljk1U7W3RrkXamvcBXlwSeOvknpeSqx7pMscjFyxo\\LdyW2rqXV5QFXo812GU1NBIruIekio92VJHX1uW2u\\QBDhWj9VRVMMrp2OyrlcqKubJlXZfVtVQOQUUUkNJFFNK6aRrbOkdtcvSBp8awJa2eeaDikkmiSNzpbrlVFRUVOjUn5qBHBgEqUuIQzujc2oRFZle7tXI1US+pLprA+\\u+\\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\\Rq3gbjeBouwKOxCWqWVGOcrnJxeZHXW+9VtvXcBhLgksmFUNPxjVlhex7lkXMiIiKiomrZrA+02BOby5k748lRCkSLG3W3Wt11+cCCTRdrqhj2zua1krnx2VbxIqXTL0rm1r7gLGIYJJiDstRK1qK1qSTMvneqJubsT8wJaTCp4IlY2dInpIxyyROd\\ERF1oqLsuBuFvrta+64HF36NTPe9z5oXq6LK5XIutyq5XLbouoFqpwSeSioIYpmtdDG5suZzlz5kRHIi7bLYBRYPUU8taqui4uWm4mJjXOVGa1WyX1omsCkmjVSkLf4lNnyRNVqIurKt1soGxxHB5KrFH1MboGsdG1qo5q3VUVderzgS0OGS01HRxZoFdDOsr1yqt07bZ5de8DbAAAAAAAAAAAABfouYTzqEqcAAA8scP30lVfq0HVUsSuuQI6jml9gEUIF2LcBYaBmAAAAAAAAAAAAAAAAAAAACvU7GgQAYy81J6K\\ID3Bo\\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\\fSVV+rQdVSxK65AjqOaX2ARQgXYtwFhoGYAAAAAAAAAAAAAAAAAAAAK9TsaBABjLzUnor8gPcGj\\AHiw71aPqIRV8AAXYoGqyu+y73BTK77LvcAyu+y73AMrvsu9wDK77LvcAyu+y73AMrvsu9wDK77LvcAyu+y73AMrvsu9wDK77LvcAyu+y73AMrvsu9wDK77LvcAyu+y73AMrvsu9wDK77LvcAyu+y73AMrvsu9wDK77LvcAyu+y73AMrvsu9wDK77LvcAyu+y73AMrvsu9wDK77LvcAyu+y73AMrvsu9wDK77LvcAyu+y73AMrvsu9wDK77LvcAyu+y73AMrvsu9wDK77LvcAyu+y73AMrvsu9wDK77LvcAyu+y73AMrvsu9wDK77LvcAyu+y73AMrvsu9wDK77LvcAyu+y73AMrvsu9wDK77LvcAyu+y73AMrvsu9wDK77LvcAyu+y73AMrvsu9wDK77LvcAyu+y73AMrvsu9wDK77LvcAyu+y73AMrvsu9wDK77LvcAyu+y73AMrvsu9wDK77LvcAyu+y73AMrvsu9wDK77LvcBeo0VIEultahE4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jmmigZmmkZG29rvciJf2gSAAAAAAAwjlZLm4t7X5VVq5VRbKm7zgZgAAAAAAAAAAAAAAAAAAAAAAAAAAAAAAAAAAAAAAAAAAAAAAAAAAAAAAAAAAHljh++kqr9Wg6qliV1yBHUc0vsAihAuxbgLDQMwAAAAAAAAAAAAAAAAAAAAV6nY0CADGXmpPRX5Ae4NH+8WHerR9RCKvgAAAAAAAAAAAAA6d\\aM070k4PsPwHFtHooZaNal8da2aLOxyWRWIqprbeztaAdVcOnCfgHCFwKYVV07JafFlxNrVpFf20L2xqr1v8AWZZyWX+0myygd1\\s74q\\EODDC4KvGaTFa+ibxE7oJeMWJNrI3rvcjbJfYtt+0DswAAAAfF2AePNCtK6Hgq4etMqPFMTmpdHEkmvA1HzI9yvasdkS65kRy6+hFA9d4ZXU2J4fTV1BOyopKmNs0MrFu17HJdFTzooFkABxzR7TjRrSLEqnD8FxqjrK6mvxsEb+3bZbLqW17LttsA2WN41QYJRSVOJVMcLGRySo1V7d6MarnZW7XKjUVbJrA6GxP9o+XGqx2G8G2ieI4zWrskmYqNROnIy628qq0DecDlVwuO0sqXcIFExuCVkTpW5nRotNIlsrWo1VVEXZZb9N+kO7gABQPMOl\\wC1KtBWVVBg+i721UEjonPrqhEyva5UcisZ5vtAcco9NeHbTfEIZ8Boqmhp2vu1IqRsEHT2zpe6S3lA9XaMdlv3ew\\94+S9mOJbyrkt+K4zfluBswAADr\\hR4V8A4N3U0eORYhLPUxrJDHTQZsyItl7ZVRqL5LgdUf\\AIR2O6R1DqbQLQSrrpEdZJJXOlt6TY0sntcBvODDTDhcq9NoINM9FpI8ErFVrpG06RJR2aqoqLdVVFVLKjunV0Ad9oAAAAAAAAAAfHqrWKrWq5UTUibwOuOCbhawjhGqcTo6OlqKHEKBbvp53Ncr2XtmaqbURdS9F06QJdOOFjBdCtLsLwPSCjxGnjxBEWPEeLbyZNdlRXZr6lVL6tV0UDsJFRURUVFRdgH0CtidfSYVh9RXYjURU1HTsWSWaV2VrGptVVA0Wh2nejWmXKf3axenr3U62lYy7XNTcuVURbL07AORzSJFC+RUVyNarrN2rZAPNVf+07UYnVLQaF6G1tbXO1MSofdyL5Y40Vf\\ADAdu8EOI6a4lo7JPwg4bTUFcsl4Gxdq50ap9dl1yqi+W\\kA52AAAAAAAAAAAAAAB5Y4fvpKq\\VoOqpYldcgR1HNL7AIoQLsW4Cw0DMAAAAAAAAAAAAAAAAAAAAFep2NAgAxl5qT0V+QHuDR\\vFh3q0fUQir4AAAAAAAAAAAAYTNe6J7Y35Hq1Ua617LuWwHmzS\\A9LXU80HClwsYVhGHVLFR1FTwszTxXsvaWavuzawOgtDYdGoMdxuhrtH8S0tZC5\\Y9cOmfHxqNfZFeiNVUY5uu9rpstr1B7X4H9HNGsJ0aixPRfAJsE7KRRyTwVCPSZFbdEa7MqrqVXee994HPAAHXeNcMehuDMxpa7EZGvwmsShqI2Que7jVRVRGom7tXJdbJdqoB1Xpd+1EymbTyaNaM1U1I6bKtViN4mSNbbM1iNvrsqa1XVvRQOdcJGD4twr8F+D4hohXVmD1s3F1ccUsz4Eex6Wcx+Xba90XZq8oHRPBZwa4Xh\\Dximjemb6XE4MJoVq5HyOVkLpFSJUvddaJxipr221puA9oU0UUNPFFTMjjgY1GxsjREa1qJqRETUiWAkA+Pc1qXeqInSq2A6E0p4JcWpuHrAtMtEckVDPUtlxNEkRnFKmqRUTekjboqJvVekDP8AauxGKjodCYXSJHO\\GmTI9UXVGxtn7N3bpdN6AcZ4T6irxTD9GoOA7CZH4RSyric9Xg0XFNdI1\\FtjvZLuS7lVrkVbK1bWA2WmemHDJBoniOkFRh2C6K4bRR8bkkVJqh93I1G2XMl1VehAOe\\s+afYtwg6FyYjjlA2nqKedaflESZY6myIquai7FS9l3X2dCB2gAunSBwXT\\Aami0bxrEdAsIwqLSyREljnWljzyuzIrruVNblbmtfeBwzgW4baLSbBayHTWqw7Bsaw56RyrPM2BkyLdMzUcup10VFank6bIHI8c4cOD7CGycZpFT1MrP+HRtdMrvMrUt+YHN9GsewzSXBqbFcEq46uhqEuyVi+9FTaipvRdaAbMDr\\h00mxvQ7g8q8e0dSiWejmidM2qYrkWJz0aqNRFTXdzfZffYDjWJY1ovwgcClBpvpho66rpaJjqtaRi3c17HrG9GrdLtVW7FWypa+wDi+nGmtXpfoomjHApo9WzUk8bONxGlhWkgpm3Rckbu1TPdLLr1a9u4O4+C6DHaXQLBYNLr9m4oOLqFc9HuWyqjVVybVy2uvSByoAAAqNxGlXFn4bxyctbA2oWKy34tXK1HIuxdbVTyaulAOF8NHCNT8GuircTfSrWVk8qQU1Pmyo59lVVcu5ERPkBZ0B4QKfTnBKjE8EwrEuTRR9pJOxIm1EtlvHGqrrsupXbL79oHB9B\\wBoDDsa0xfozpHgtVo7iazrTxJPKkjVkvZGPXK1WOXdqVPLrQDu3cB03pDwmac4fpli+C4Twc1WLU9I9OKq453RskYqIqLmVitvr2IuoDrrT79oHSRaeu0Wboy3AdJahzKdsr65svEI\\Ut9SI11lSyquq912Ac44NdDtHOAvRpuNaW4hE3FsQc2nqK7I98cebtkiaqIqo3tbq5dqonkQDgP7WGmUGOYWuCRaPYnlw+rjmZi72JyZyPjVUyOS6ORyOS2tNnkA1\\CHwj8KuiFDoxLXVWFYYyqY19PQ0caSufHG1uuVXX1OzIlkX3Aeq9FK+txTRvDK7FaF2H11RTslnpXLdYnql1aBsaiGKogfDURslhkRWvY9qOa5F2oqLqVAOqNH+BXCdGOFKm0r0aqn0NJxcrZ8NRLscr0t2i31Nut8q31olrAcl0h4VNCNHqmSmxbSSgiqYnKx8THLK9rk2oqMRbL5wOAUfDnoLSTTwaHaO4riFVKqyvjwvC0Ysl11vXYq612qgGtx\\h50siieuEcFuPRtRq2mroZkRF8rWx7P+4Dt3gw0rdproPhmOy0clFNUsVJIXotmvaqtdlvtaqpdF6AOVAAAAAAAAAAAAAA8scP30lVfq0HVUsSuuQI6jml9gEUIF2LcBYaBmAAAAAAAAAAAAAAAAAAAACvU7GgQAYy81J6K\\ID3Bo\\3iw71aPqIRV8AAAAAAAAAAAANdpFjeH6OYLVYtjNRybD6VqOllyOflRVRE1NRV2qm4DonSvhA0L4QMQo1w3QHGNM6qjc5sMjaRWRNR3S5fq3T6yW3gcD4H6TTTFtNNMsT0G\\d3R+pnndBVUtS7jH0KI5VRrGNba10VL2t2oHd\\BnR8JeBYvWs4QcXwrEsEdG6SOqY5GSRyXSze5b2tr7dlksBzmj0t0ercZTCaPHMMqMTVqu5LFUsfJZNa9qi3A3YHmjTulw7QP9o3D8XxVtMmjek8DmVqVTWrC2Vtu2dm1anNjdfddQOH8OOl2iunPCtohh8WJsn0VoERtTLSxPcjVc+8jWoiXVFaxiXai7b6wO4+EXhUxbANJZdEtC9EajEsVghY9ZpE4ulhYrLo66W7VEsiqqtRLLr1AebdAaJeF3htli0yrMy16PdUSUUrIUk4tqZWtui5m9o1LJrtr3KoHunBMMpcFwiiwzD2OZR0cLYIWuerlRjUsiKq611JtUC6B1fw8cGK8I+jjY6OumpcUpEV1O1ZFSCVduSRuzdqdtTzAZ\\s+UumGH6CJQaeRSR1lLO6KmWaRHyLAiJbMqKt7LdEW97IgHE9PGLpT+0xodgrVc+mwOkdiU6WRUa5Vul\\OqRp7QOE6M4FpbR8Jml3BvozpEmj+FLUOxRJUhzyrC\\L2sS31anNTamxdYF7hxwGbRHg2wPQPBsSxPGK\\HcUbmdWVHGSOVETtUb9VquVi2863A9CaDaO0+ieiWFYHRo1IqKBsauals79rne1yqvtA3NQ2R0EjYXoyVWqjHKl0RbalsB54pdFeHnH1y4xpbRYLCjv8AgIzOqX6I2+3aBuYuASfEHLJpXp\\pPij3d02KfiWKnRZVd\\gB1Hwb6A6Pt\\aOx7RTFcPZXYVTMn4iGoertmRzFVUtdcqr7wPSi8EegLqRaddE8J4pVvqhs74tv5gbXQXQnBNBsPqaHRynkp6WonWodG+V0iI5URNWZdSWRNQHJQOqv2onK3gO0jRPrcnRf7xGBZ4GsPpmcAuAUczGrTTYW50rV2KkiOc6\\nzKB0xwR6a6a6OcDlZJo7osyuwzDXVE6YhWVNo0ZmvljjTtn5e2Vdab9YHM6TCeE\\hA0eocfwzhCw2jpqhraimgoKN8Uaqi9y9y9tqVFRUW6bQO98MSqbh1KmIujdWpExJ3RJZiyWTMrfJe9gLIHCI+EOgl4V36DQ08jquKiWrlqMyZWu1Kkdt65VvfzAcc4YcZXQvTPQzS2bM3CWyTYViT2pfLHNlcx623NcxVA1f7WGCyY7wS8uw9nKex9THWK6PtrxKitc5LbUs5F811A5P+z3XxVnArovUIqMjjpVhcq6kRY3uYq\\8AlUDQ8LfA1DprpZgWkmD1NPR1sE8S1rnItqiFrkVHIqfXREsl9qKmvUB3KBw3hCXSytjiwfQ+KKjfVsXlGMzvRW0bL27Rl8z5F121IidIHS\\C9o7oLwYcEeJYFJes0hxlqObPLZ9VPM1yO41yr3LEW+zpVNaqqgck0MwzHOEL9mqopNJ5o6usraaR1FIiIrlazXDmtqzZm281r6wOisa09xnSXgS0d0TXA53Qw1sdC3E3ydpJIy\\FxNS21GuRF17ETpA7WqOCjhI0k0uwTSbSHENGqerwnimU1E1j5ImsY7MiZbKirrXXe+zXqQD0qgHBeGldKo9A6qo0DlmZjVPIyRscMTZHTR7HNRrkXXZc2rX2oHnXgx0W4TcY4YWVOLY5VU9bg7YZMQnnnWbi2SIjuT5U7VXObtbsTbtsB6Rq9CNB8JrcS0ir8FwmKeRzqiqrKqNrkRdquu66N2X1Aec9G+E7A6zh5xPTavxGDC9HqKkWhpoVaqy1DLWajY2oq61RXreyJqQDm\\BPwyVGJ8KNfgOL1slTg2LuWpwSonhSJ7EW6pEvSlkVqL0s1XuB6IAAAAAAAAAAAAAAA8scP30lVfq0HVUsSuuQI6jml9gEUIF2LcBYaBmAAAAAAAAAAAAAAAAAAAACvU7GgQAYy81J6K\\ID3Bo\\wB4sO9Wj6iEVfAAAAAAAAAAABQOn9MuGjB6TSDEdFKTRrG8fxWB3EzUkNIixvumxb3VUVN+WyoBpNJuEThEwfRGvxmLQzCNGsIo4kWNcTq8z1uqIjWxR27ZVVERFsB0voDg2I6NaLJp9jWkGOYHRY5Uuo3T4XSpLJxSuzLK9yrdjVe2yKiKurfeyh3lgHBLoJpnh6YlJpLjmldPMiXmqMVc9EXoVGoitXyKBab+ztojQY7heLaPVGJ4TV0NTHUJxU\\GNflddUXNdUvsui+xQO5wOueGng1j4R8MwmFKiGmqMPrEqGvliV7XxrqfGqIqLrs1f+0DleCaLYBgEbW4Pg+HUCMRbLBTsYqe1EuB0xwg6RYzwt4vUaFcHT1jwOJ6R4zjmvirX1xRuTuk26k7rZqbdVDqZ\\BHO3hM0swfQiuqoMT0bpqaroXOfZ88mRiu7bVlcqqqpuRdWwDn3B1+0nyORMH4TKKelroF4p9dFCqdsmpeNi2tXpVvuQD0Po7pHg+klElXgOJUmIU6\\XgkR1vIqbUXyKA0h0jwbRyGCXHsUo8OjmfxcbqqZI0e617JfaBxbQHhFp9NJ8er8Op+K0Yw1yQx4hKqtWokRFdI5G21Ma3LrXWt9wHCf2fkXH8d024ScQyxRYpUup6R8ioiR00W+67rIxFXZ2igaLSzgu0lxVcX07m0vTEK5tG7kbMHYlJymmRFXKsrb7W9COvqS\\QE\\BNTaBUugTOE6jwPF5sSwxj21Kvqn1U0bmpaRWo5yNcmV2a9k1X2KB3doVpVhOmej9PjOA1HH0c101plcxybWOTc5P8A3qUDegAC7FA8u6CObP8Atj6TPicjmsjnRVTpRkbVT3geogAADqr9qJqu4DtI1T6vJ1X+8RgcI0g00rND\\wBmTRJMMpOU1mLUEWGxOR2uJz4l7ZGol3LZFRE6bAcwwHRqTQz9m6rwquTLVx4LVSVCIncySRvcrfZmt7ANj+zc1W8CujF0teGRf\\2rwOywAHnamwDF8K\\a\\fiTqWbsZitLI9tQ2NVZlSnRqtV1rIqPYnvTpA7v0z0bw\\S7RmvwTF489JVxqxVTumLta9vQqLZUA8z4XpxpdwEVa6Maa4dJjOi+ZWUVU1bLxfQxy6lS22N2tNy2A5nTcP3Bk7RmfDKZlZhtM6CSJlJyHK1MyKioiMVUS9\\zA+fso8JjdI8CboliKyLimFQZoJHa0lpkVGtuv2mZmt8qW8oHoADU6UV+IYdg802DYY\\E8RWzIKdr2xtVy7Fe5V7VqbVXbbYlwOqn8GTKLA9JtLNOKmHGtLZ8PqFWZzf4FG3i3WjhauxE2Zl1+bXcLn7PeKUeDfs94HiOK1DKahpYqiSWV+xjUnk16gOj9KtMNDanhKwFmgmDVWI4JSVj8WnpKGF7Fqq1bI2zHp2rUyM2JbW7UBtOGut4Q9JsJh0sn0TqNGKTBVztqeWqlRlc5qJeNFRdTrLfLq1gek+C\\HajSbg9wDGa1ESqq6RkkttSK\\Yq+1Uv7QOUKB58\\aE0bqcDxLC9JNAKysw\\S7E8QZTOp6adUSuVWrrVirlW2VLquq20DmXC7oNinCTwb0GFcppaPFmy088653OhRyJaRNW1EzKqdNk2bQNfoH+z5oVowkc9bSuxvEG2VZq7WxF\\sxJ2qe26+UCfT\\gqdpFwo6GaSUEsNJTYUtqtG9q5WxrmiaxES21VRdlkA7aTYAAAAAAAAAAAAAAB5Y4fvpKq\\VoOqpYldcgR1HNL7AIoQLsW4Cw0DMAAAAAAAAAAAAAAAAAAAAFep2NAgAxl5qT0V+QHuDR\\vFh3q0fUQir4AAAAAAAAAAAARMp4Y55JmRRtmktne1qI59tSXXeB5v07fWcOHCXForgz3t0LwKZH4lWs7iaVNStauxVtdrf+52ywHoGpwDC6rR12BT0MD8IWBKbkqt7Ti0SyNtusiJbosB4s4QtF9KOAjTZmI6M19XHhNQ69LVIt2vTbxMydy5U8qa01pr2B7N0Lxd+P6I4Ni0rEZJW0kVQ9rdiOc1FVE8l7gboABpNLdHYdJ8MTDq2rrIKF70WojpZeLWoZvjc5O2Rq78qoq7L2A1mPV1Jwd6KMfg+jVXVYbSoqOpcJiZmiYiXV2RXJdOlUuu9QOlOA3TKn01\\aI0uxrC6WqgoK\\DI1RsyNRzVjSFnbWVU1qjlTWB3BpjwVaHaY4xBimP4PHUVsSZVka90fGomxH5VTNbygbfR\\QfRfR2pbUYHo\\hlBUtarUmp6drH2XamZEuoFfhL0Jw3T7RWqwXFEyZ0zwVDW3dBImx6fJU3oqoB1RWaLYporwZ4RwU4HWsq8dxqSbj6uJmRtPSLJmmlcm21nIxL7VWybgOV8KehtTScAlfovodDM59PSxQxQxJd8zGvar08quTMq9N1AjxLF8b0K4C8Fnh0efiC0uDxR18K1HES0yJC1FdlVq5sq3umpUt57Bxb9jSl43gpxeOpizQT4rKmV6dq9vExIvnTagHZvBZwe0PB1h2J0OGVU09NWVr6tjJEtxLVRERidNkTbvA5sAA4Zwi6f02gdGtbi2DYzU4ajMzqyiijkjY5VsjHXejmqurWqZde0DoP9mepXS3hx0x0rZBJFTyRyyNa76nGyorWquy9mr+YHq8AAA63\\AGjaRa3gU0qibI2NWwMlu7YuSVj7edctk8qgdW8GnDboHgXBro1hWOyT1WJ4dEiLEyiWRY5EV2VWqqIl0RdqKBf044aqbSnQ\\GMIwnQ\\S9y19LJTsnWhSzczbI7Uq3TWBqMK4WdKNEtBsMwfA+DLGIWUlMyGKoq2yOa6yXV7mtjTWutbX3gd18DunDtP9C4sWno30VZHK6lqoVRURsrLZst9dtaebWm4Dm4AABWxGgo8TpH0uI0sFXTPSzop40ex3nRdQHXeI8BPBxXzOlk0agie5bryeaWJvwtdZPYgHJtDNAtGNC2ypozg9PQvmS0kjcz5Hp0K9yq63kvYDk4GL82R2SyOtqul0uB5b4WuFzSSop8a4N6rRfi9Jau1GyejnWSOZj1Rc0bFbms5mzXqvr2KB3topoZSYfwXUGiNfGklOmHpSVLU1ZnOb\\EVP+5XKBY0E0D0e0GwxKPR3D44L85O7tppV6Xv2r5tnQgG\\wASoaXE8PqaGvgZPR1MboZonpdr2OSyovnRQPuG0NNhtBT0VBCyCkp42xRRMSyMa1LIiewCwB0Djv7O0OkenWM41jmkmIvo6mZZqWGJ15Is2tzVe69moupERNlgOOY3+zZj2EKtboLplVsq40uyOpe6Fyr0JIxdXtQDQNxb9ofAHOpZKfFatGWajlpYqpPOj0RVX2qoGqxLT\\h5Tt5IMap2t7VeLwdllW\\3agd9cGei\\CHPR0eJ6eaaVyTPRsvYylp4I0ZvyyPyXVelEt0XA7bAAAAAAAAAAAAAB5Y4fvpKq\\VoOqpYldcgR1HNL7AIoQLsW4Cw0DMAAAAAAAAAAAAAAAAAAAAFep2NAgAxl5qT0V+QHuDR\\vFh3q0fUQir4AAAAAAAAAAAAfJGNkY5j0RWuSyou9AKOC4Ph2BYfHQ4NRU9DRsVVbDTxoxqKu1bJv8AKBfA12kGB4bpFhU+GY3RQ1tDMlnwypdF6F6UVOlNYFqgo4MPoaejo4mw01PG2KKNuxjWpZET2IBOAAAFA4LoDwYYFoPj+OYtg\\KOPxV+ZzJHIrYW5lcrGWTZdb677kA50AAARJTQJVOqUhjSocxI1lypnVqLdG322uqrbygSgQ1tLBXUc9JVxMmpp43RSxvS6Pa5LKi+RUVQKejuB4bo5hFPheCUcVHQQIqRwxpqS63VelVVdqrrA2QAABx\\T\\R1dLNDMYwJKhKZ1fTuhbMrM2RV2LbfsA1XBNwe4dwcaMNwvD3LPUSO42qq3Nyunkta9tyImpE3edVA5qAAAVMWw6kxfDKrD8RgZUUVVG6GaJ+x7HJZU1AazANDtHNH42swXA8NorIiZoadqOW3S6119qgb6wCwHxERuxETeB9AAAAAAAAAUlwnDlxdMUWgpVxNI+JSr4pvGozblz2vbWuoC6AAAAAAAAsgCw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02lGIVWG4fyiija9zVVz87e1RqIt1Vbpa357N4GuXSOVk7ZOLdLSRxPR7kytzuR7G50TcnbbL7wNliOIvgr1gilY5eJVVhbG58qOulnI1NrdesCvgOLTV07c0rpoXItnNonRoip0uVy9CoBr245VZncbVZFdPUMYiMY1qNjfl1q5dutAN1hVcq4dNV1lVG6OO7nORWqjGol73bt1awImYxeoqanjI1wmBqtlerVR0b0st\\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\\ALVA2VTjFVHojPXskZJUIjkzMyJxS7rpdUVU1avKBWrtIq6Kvg4mONkMsTWxtmVFbLI5U1o5uxERduzbvA2GkGMT0dRDFSta7JGtVK7O1M0bdStbdF1qtgIcMx2WqrXSI1slDUVDYIe3RFjVGXVbWuqKqLvArYpj9dS4jUU68TTt4yJrXSua7I1yLd1roq7E8wF3RXGKjEqOplqZIZVjSNyLGmVLujRytXWuxVsBWlxXFOX8kYkaOe9J0dxkfawoqI5l9irf8l8gF7STFpsPwRlVE1GSPext8zVRt3JdLrqXVdAI0x5Vq2xrI1ubtkj5JM52W9r3RLL501AY6U4zV4VBMsUTFa+NEgkTWrHqtlzt6La7+SwH3R3GZ66sqaeVYnpG9bOR+tEyoupMqXS67dQHIgAAAAAAAAAAAAAAAAAB5Y4fvpKq\\VoOqpYldcgR1HNL7AIoQLsW4Cw0DMAAAAAAAAAAAAAAAAAAAAFep2NAgAxl5qT0V+QHuDR\\vFh3q0fUQir4AAAAAAAAAAAAAAADVaRUL6+ibHFE2WTN2qSSK1jVVLZlT61ttgNB+7dTHaSnoKHNHGrUSaRZFldmaua1kRNTenVfyAbXF6LEKuubNA1jIo4XRWSTLI7PbMqLZURUsm7X5AMMFwqaixFk2SZrEhSBc0zHJlTudSNTZr94FCmwivgkrklpFmSVahsatmYiMbI9XKtl132e4DcQ0UlZgz8OrIH00SRtizNka5Xolr7Nmy3tAghw\\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\\ZF8zI3vkej40jetnWYiWu5VVNabwLGAYetHhUEVSyPj9b5LJdEc5VcqX8l7ARaT4X2SwWemhavGJ28bGuyo56bL+S\\yA0mMaOTyT1q4fRwtjkpGxstLxfboq31JqXdt1AXccwOorKhFpEpWRJQvp0SRmayqupETd5wJkwqVmJ4e6OmjSOPJJPNxndOaxzURG+3aBUqMBnSqqqinpoNdTFKyN0iqr2svmuqpqvfZ5ANlTQ1dq50uG0bI5GJaFr0VZXImvM61rWsmwDVfuxLK7l746KKvS3F06RosDWfYd0qu925dgFjG8GlxHA6WN1OyOoge1yU0T\\4fdJfovZL+8CszRyt5crmzcSscblimY5crXq9HI1rNzERLW3gX8dweerbiE8bmyTy07YIWdzlTNmdr8q29wH3A8KraGvqJp3sdHM9X2SoleqdqibHal2bV1gb8AAAAAAAAAAAAAAAAAAeWOH76Sqv1aDqqWJXXIEdRzS+wCKEC7FuAsNAzAAAAAAAAAAAAAAAAAAAABXqdjQIAMZeak9FfkB7g0f7xYd6tH1EIq+AAAAAAAAAAAAAAAAAAAAAAAr19XHQ0ctTMjljibmVGpdQNc\\H4Y3SpJS1beJcxsiq1O1V1rb\\KBt5HZGOdlV1kvZNq+RAIMOrYcQo46mnV3FvTY5LK1U1KipuVF1AUF0iw9MUWgWRySoqtVytXLmRUS19\\dfkoFrDsTp8QkqG0yq5sOW79zr32e4CizSahdUU8TlcxJ+MVj3KiJlats23Yq3t5gNzBNHPE2SF6PjdscmxQMwIJqumhfklqIY37bOeiKBWwzFaavSTi3sR7ZHxozOiquVVS6W3La4FGo0ooIWVDrudxSqjbKn8VEcjXK3XrRFd8wNnBiNNLTcozrHFn4tHStVl1vZNvTdLAaxNKaBHNR\\GtTilleuXNxaZsqI617KoGxr8QioqeKV7XvWZ7Y442p2znO3WXyXVfMoEVLjEE9fJSIyRsjZHRo5Uu1ytRFWyp5Hb+hQIsRx6moZ5oZI5XvhYkjsuVNS32XVL7FAlwvFoq9kj8nEsa1HorpGKqt6bNVbe0Cr+8tEtFU1EbmvSGXika17VV93I1HJ5F\\wAANhJiVIzD5q1JmOp4kcrnNW+zannA10Ok1G+sbTyNliesTXuzMVcjlW2RbJt\\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\\gSLF3Mme1k190tr3VF2Acl0lp446jB6zEJsyxTcW\\dHZWOzLl17dgGr0dbR0uMvfVUrI31bmS0kXFdtGjlciW6NTUVei4DHnJPilbIsuWmVywPjatpJ8sTu1alrr27kTV5QLeCPelHi0E7pElZTttDMlns\\h9tqt3ObZrUDWYRSS1jKWR088ElJh8MsT52IxjVavk7ptr611gXq+njrNEK2oSSRzOUy1EeRVRr\\AOItr9Kb0A+YlFLTaU5I1exK17WNdO6RGo1EVVyvR6XW6rZqgWcchi\\eGKaT+HFBEnGS5X3Zts5XKmTtdape+tQK2iX8GtgbU1k0cysakcCoicY1yOfdyW26kXN06t4EbMKnixPFnQws4yNsb0jhV2Z6Oc9V7e6LfeqbF9gF\\RxzMOwrEqmWdFpYXvjjVr3OajW7EbdV8yWAmwvR6OooaafEZKxa2RrJJV5Q9O3RNWq+1LgZ6SYfG2jw93G1D1p6qLLnlV180iIquvtWyrboA1cEMsGlT6RFextRK6RVndI1VY1EREY5H2ffotq13A+aaQumkrZYY5Io4KdzZZHyKxsrnJZGoirZ1kTdtVUQDY6MUlRQ1mSpjqHJLFxkb0deNl7Zmr\\avrvrunmA5OAAAAAAAAAAAAAAAAAAAAAAAAAPLHD99JVX6tB1VLErrkCOo5pfYBFCBdi3AWGgZgAAAAAAAAAAAAAAAAAAAAr1OxoEAGMvNSeivyA9waP94sO9Wj6iEVfAAAAAAAAAAAAAAAAAAAAAAAAFkAAAFkveyX6QAHzKl0WyXTYB9AAACIiJZNgGLY2NW7WNRbW1JuAytYD5lbZEslk2agDmNdbM1Ft0pcD7YD4rGq5HZUzJsW2tAGVL3sl7WuAVEVFRURUXVYBlbly2TL0WA+PY19s7UdZbpdL2XpA+ua17Va5EVF2oqXAZW5s1kzbL21gfbJdVsl1A+Kxqtyq1MvRYD6AVEXaiKBi5jXOa5zUVWrdFVNnmA+vY17cr2o5OhUuB9AAAAAAAAAAAAAAAAAAAAAAAAAADyxw\\fSVV+rQdVSxK65AjqOaX2ARQgXYtwFhoGYAAAAAAAAAAAAAAAAAAAAK9TsaBABjLzUnor8gPcGj\\AH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wB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8A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AH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wB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8A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AH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Iauqgo4HTVMjYom7XOUDWpi1VOmahwqolj3PmckKL5kXX+QBcYnp0zYhhlRBHvkjVJWt89tf5AbOmqIqmFs1PI2SJyXa5q3RQJQI6ieKmhfLPI2OJiXc5y2RANWmMT1CXw7Daioj3SSKkTXea+tfcAXFquBM1dhVRHHvfC9JkTzomv8gNlR1cFZA2allbLGuxzV\\ICYCKpqIqaB01RI2OJqXVzlsiAaxMXqKhM2H4ZUTx7pJFSJrvNfX+QBcWqoEzV2FVEUe98LkmRvnRNf5AbKkqoKyBs1NK2WJ2xzVAmAiqqiGlhdNUyNjibrVzlsiAaxMXqKhM2H4ZUTR7pJXJC13mvr\\IAuLVMCZq\\C6iKPe+JyTI3z21\\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\\NAN2jkViORUVqpe4Gjw+JMYqeyNUmamY5UpIl2WRbcYqb1Xd0IBizSekXHMZw1zHpJhlNHVSOaqOzsejtibbpk1+dAJdH9J8I0hlnjwirSodAyOR9mOaiNel2rdUS906AMcSi7E1PZOlTLA5yJVxN2ORdXGIn2k39KAbxFRURUW6KAAAAAAAAAAAAAAAAAAAAAAAAAAAAAAAeWOH76Sqv1aDqqWJXXIEdRzS+wCKEC7FuAsNAzAAAAAAAAAAAAAAAAAAAABXqdjQIAMZeak9FfkB7g0f7xYd6tH1EIq+AAAap+KzNc5EwqvdZ8rbo1tlyJdFTttjtjfLtsB9bikyyMb2LrkRzomq5Wts3Oiqqr22xtrO8+q4ED8cqGwukTA8UcqQulyI1l1VH5cidt3Sp2ybrb76gLDsUmbK5iYZXKiSyR5ka2yo1mZHbe5cvap5egDFuKzK6NFwqvTNxN1Vre14zbftvqfW\\K4EUmNVDYZHpguJOVsMsqNRrLuVj8qMTtu6cnbJuttVNgE64nMkys7GVqpxyxZ8rbWRmbPt7lV7XpvutrAwbi86tjXsTiCZmwuVFaztc62VF7baza7ybLgYyYzOxkipg+IuVkc8iI1rLuWNURGp22197t8ia7ATNxOZZmx9ja1EWZsWdUbZEVmbPt7lF7Vd991tYELMYndBxi4PiLV4psmRWszXV+XL3W1E7ZfJ7gMpcXnjR6phOIPyrMiI1rO24tLpbtvr\\V\\OwCPFpnTJGuE4g1FfEzOrWWRHtzK7utjdjvLsuBimMzrAsnYfEUVIuMyZWZr58uTuu6t23m9wGcmLTMc9EwqvdlfKy7Wt1oxt0cnbbHbG+XbYDGLGJ5HsauEYixHcRrc1lk4xFVb9t9S3befVcD4uMT8S9\\YfEbtjfJkysuqtflRqdttVO2Tye4CVcUmSVWdjK5USV8eZGtsqNZmR+3uVXtU8vk1gRR4xO9I74PiLMzIHLmaztVkVbovbbWW7bz6rgfXYvOkcjuxGIKrWSuRqNZdysdZETttrtrfJtsBImJzcdk7GVtuO4rPZtrZM2fb3N+16b7rawIG41UOijeuC4miuihlVqtZdqyOyqxe27pids7dbZcCfSWR8WAYg9ndJC63uAvUkbYqWGOPuGMRrfMiAcK4UKFMSoGwVUFHJR5XI10iyukbM5Fa2zW9rZb7Xrlva+4CpozhVfE3Rer0a5DT4VJTslrXupGROmiViZWWS7s+tXKqutdN4HOMajbLhFayRLtWF9\\hUCCOeT92G1GvjuR5\\8AuyX+YEuAsbHgtC1iWbxDF96IoHFuESoqa9s+jLKembT4lQSK6snqEjbDZyNddFRb901dXlAj4L6iCpdjKUWD4ZSUlNUcmjraBO0qlanb61S6o110vsXcBzidjZYJI5O4e1Wuv0KgGjw6eRNCWza+MbRuVPOjVt8gL1Cj6bAKZKSFJXsgZkjzZUcuVN+5PKBwighrcBfpPjcsNJiuOtlak9RLKsDIoeKa\\i2rZyoxqrqREu7ausCbg4weeqoIMQxVKFVSqnrGwxU72vgqZJHK\\wDiK7XbMrFRG2W3kA59VxtlpJo5O4exzV8yoBpKeolTQZJ9fGpQq5POjALT6nsTo02eCknq+T07VZT0zc0klkSyNTpA6rkwmFY9MKGePDsMqKrkTHojVWnpXy5+7W\\buu7utV1Vu4DmmitPiWDZaajo6Kvw+eZHvqaWqREgXK1rm5VTtkarbJZb2sm4Dl2IRtloamOREVj43NdfosoFbApnv0foZXtc5607HKibVXKBA3GZ1jR3YbEkXLA7KrWX\\iOsqd1tZtd5NlwPr8XnbGrkwjEHKjZnWRrLrkWyJ3W1+1vk22Al7JS8pSLsbW5VlSPjLNyoiszZ9vc37Xpv5NYFfs1UcTn7C4nfiopMmVl7vflVvdd01O2XdbZddQEkmLTszWwmvdlWZNTW6+L2W7b6\\wBX87AZpicyztj7GVqI6RjM9m5URzMyuXXsavar5ekCu7HKhIVk7B4oqpC2XIjWXVVflyd13SJ2y7rb76gJn4tM1zkTCq91nzNujW2XIl0VO22P2N8u2wH1uKTLIxvYuuRHOiarla2zc6KqqvbbG2s7z6rgQPxyobC6RMDxRypC6XIjWXVUflyJ23dKnbJutvvqAsOxSZsrmJhlcqJLJHmRrbKjWZkdt7ly9qnl6AMW4rMro0XCq9M3E3VWt7XjNt+2+p9b8rgRSY1UNhkemC4k5Wwyyo1Gsu5WPyoxO27pydsm621U2ATricyTKzsZWqnHLFnyttZGZs+3uVXtem+62sDBuLzq2NexOIJmbC5UVrO1zrZUXttrNrvJsuBjJjM7GSKmD4i5WRzyIjWsu5Y1REanbbX3u3yJrsBKmJzcajOxlbbjmxZrNtZWZs+3uUXtV338msCNMYnWJj+xGIoro43q3Ky7Vc\\KrV7ba1O2XybLgJcXnjV6JhGIvypOqZWs7bi7Wt23179r5lvYDNmKTOka1cLr2oskbMytbZEezMrl7bY1e1Xy7LgR9mJ+IbJ2HxG6xJJkyszIqvy5e67pE7bze4CWPFJn18dMuGVzWPkljWdWtyNRiIqOXtr2dezdW5b2A2YAAAA8scP30lVfq0HVUsSuuQI6jml9gEUIF2LcBYaBmAAAAAAAAAAAAAAAAAAAACvU7GgQAYy81J6K\\ID3Bo\\3iw71aPqIRV8AAAAAAAAAAAAAAAAAAAAAAAAAAAACKrgbU0s0EncSMVi+ZUsBrcFqZZMNfTLkTEKROJe162RXInauXfZdS3A45juF4tWTUsrloExrI+GKSnpnqkbHoqOV73OTtUveyot1RLJcCDBqOpTHn4DLimOUj8MiilpcjouIqYG2ai6o77Us5qr5U1KBynSKVZKduHQL\\tNYvFpb6rPrO8yJ+aoBtEhYkCQo3+GjcmXyWsBpMLrOx2GVdLO2SSfDWOXi2Jd0saIqtVqb7pq84FJ9A\\Hv3cxSvwinWZ0buUwzqkiU7Hx5rIiprdmSNL26QK7YNIMFpdH1oKKge18zY8WpqeNGJ29kWZipZEyqiXS2tPMByHH6p0NEsEGurqf4MLfKu1fMiawLVPSRw4fHSJ20TY0j86WsBQ0dmVlM7D51\\wBpo\\4aou1zPquTyKn5oBqcOweoq8Vx5MQiWOilxJk6NVP94ayGJG\\9uZuvpy26QI67B9KGUtVQYNiOGU1LLJI+Oqkies8Od6vXtUXK5UVy2XV5UA3eNzyQ4cyjY\\jK+qTiGKiWuqpZz7bkRLqBejpI2UDaS38JI+K86WsBS0dnclKtDULaqo\\4T0Xa5qdy7zKlvzA4rpTheGri9RjeLrVvwfD7VNS1zpJY3vYlmtbEmrK3ul1L21uhQNlwW4c+g0VbNNCsE2I1E2IPhVETi+NermtsnQ1WoBuNIqhyUiUdOt6usvDGibURe6d5kS\\5AbKmibBTxQs7iNqNTzIlgJAAAAAAAAAAAAAAAAAAAAAAAAAAAAAAHljh++kqr9Wg6qliV1yBHUc0vsAihAuxbgLDQMwAAAAAAAAAAAAAAAAAAAAV6nY0CADGXmpPRX5Ae4NH+8WHerR9RCKvgAAAAAAAAAAAAAAAAAAAAAAAAAAAAANdiOGrPMyqpJVpq1iZUkRLo5PsuTenyAgTEMSp+1q8LfKqfXpZGuRfY5UVAPi1uJVOqkw1adV1cbVvRMv\\AGtuqgWsMw5KR8k80rqisl5yZyW1fZRNzfIBfAoYnhrat0c0Ujqesi5uZia06UVN6L0AVkrcUpky1eHLUW\\4tK9O2\\7XWVPeAXEMRqO1pMKkjVfr1UjWo32NVVUCbDsNWGd1XWTcprXJlWRUs1ifZYm5PzUDZAa\\EsNSqfHPBK6nrItUczUvq+y5N7fIBXSuxOmTLV4as9v+JSPRUd\\2uVFQAuIYlUJlpMLfEq\\XqntaiexqqqgT4bhq08zqqrlWprXpZ0qpZGp9lqbkA2IGvxLDUqZWVFPK6nrY0syZqX1fZcm9PIBW5biNO1WVmFrOmzPSva5Hf9rrKgH1a\\EqhMtJhjoVX\\iVb0ajfY1VVQJ8Nw3k0r6mplWprZEs6VUsiJ9lqbkA2I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8AeLDvVo+ohFXwAAAAAAAAAAAAAca0u060Y0PVjdJMapKCR7OMZHI5Ve9t7XRiIqrr6EA6b0y\\aj0eoI3xaLYfU4rUItklnTiIdqa9fbLv3IB3NweaVQaaaH4bj1NTzUzKtiuWGVNbHIqoqX3pdFsu9AORgAMJpY4InyzSMjjYmZz3qiI1OlVUDQ6T6a6N6L0aVOP41Q0Ubm52I+VFe9OlrEu53sRQOC8LvCbiGiOj2j+lOjsOHYtozVTNbVuu7jHMel2LGqLZNjtqLrt5QNjp1wvYPoY\\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\\HK2fD8HrKykoZsQngidIylhciPlVE7lFXVdQOu+BXhfoeEtK+mWgkwzFaPt30zn8Yjo1WyOR1k2LqVFTVdNoHaQAABw7hd0qqdCuD7FsfoIqaWqpEYscdQq5Hq6RrbalRdiqvsAz4LtOKHT3RGhxekWKOokZ\\tFK2RHOgeiq1UXfa6LZVTWgHLgAAAAAAAAAAAAAAAHljh++kqr9Wg6qliV1yBHUc0vsAihAuxbgLDQMwAAAAAAAAAAAAAAAAAAAAV6nY0CADGXmpPRX5Ae4NH+8WHerR9RCKvgAAAAAAAAAAAAA6M\\ao0TwGv0YpdJscZX2wqRsUnIXMbI+KR6Ntd901OVFTzr7AucEnBLwcNwHDNIMJwmav5XE2eGXFl4x7UXWl2dwip0ontUDuGSSCjgRZHRwQsRGorlRjWpuToAmAAdK\\tW6X0uj\\AAaVGFZmur8aXk0Ud9aRoqLI\\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\\hMxDRLAJcH0f0Rr8dq6ivWpqXwudZsWVrbIiNWztW1dQHrKs040aoKJKjFMcwyh7VFcyerjRzFXctnLrRdWoDzDh3CNovgH7S2k2k0tbyjBqikWKGajjWTjZFbFqRE8rXa9gHbOin7Q+jWkmm1Do\\T0GJUiVi8XHUVbWs\\ir3LFaiqqX2XvtVPOB3SAAAdW\\tL4rV4NwP4tW4bWT0dayWm4qaCRWPavHMvZU17LgaOem4YcaotHlwDHMIoKCbCaSWpq6iFr5VqFjRZNWVb3XXsRNYHBNL+ArT3SLTjAq\\HNJY8VjcrWVWIRtbA+jYx2ZEYz6yrdbKid1tsmsDmmlvAzhtLglZiWKY\\p7j1REy7aeCt4yWZy6ka1uRdqrt2ImtdgHRPBnTaXcGnDHgUdVhNfhzcVqG07qabtkngkda2ZNTnN1LfaipsQD3WgHx18q5URXW1XA866Xx8LPCFhFZg+KaIaNYXhCqqPmxCdX2VFVEexUdmaqbUdlA864NguBU2J47gWmmktXhsGGyvdHyKBKmOplauRcvbJ2ypsXZa91QD2B+z\\oXgGjejj8V0VxvEsUw\\GWMmRalyIxFbdFVGIiZX3u119fa23AdqgAOhv2heFvDsOwKs0V0ZrYKvSKvc6hlRj0y0jVXK\\O5dSO2tRFXVrVbW1h1vVVDeB7gkp6DRrSRtbphpDVRTI7DXtljiaxbKjdt0+pf6yrqSyAc+peGvSzC5qLRzGdA8Qr9LeSxyyspJERr8yXR6tRq5fKmxFRU3AdS8Bv79z6faWVmhNHg9PiKq9tZDiTnZYUfKrsrcu1Uc1U9gHe2glPwy0un1PNplNhdZo9UMeydtK9jW09mqrXNSyOVc1k36l17EA7nAAeaOGGvrOF3hIouDnRqVzcJw6Tj8WrGa2scmpfPlvlRN73eS4FPhY4N67gpqafTngsdNSwUjWsr6NHLI3ImrOqL3TF+sm5e2S24OzuCHhpwDhApoqWWSPDcfRESShlfqkXpicvdJ5NqdG9Q7VAAAAAAAAAAAAAAA8scP30lVfq0HVUsSuuQI6jml9gEUIF2LcBYaBmAAAAAAAAAAAAAAAAAAAACvU7GgQAYy81J6K\\ID3Bo\\wB4sO9Wj6iEVfAAAAAAAAAAAADrPTXhfwzRrSWXR2lwbHMZxxjWuWmoaVXIiORFauZd2vaiKia+gDqTh+0w03xbgxrW41ofT6P4HVTQxZqqtSSpc9Ho9EaxLW7jXdNlwLXA\\hWlWneguHMwnhNdh2HUUDKSSgoKFrJqdWpZEc+6OuqfWTUu7eBtMa\\Zo7Lo+Sv06xusqVTu6tiSoq+VFdf8wO5eDrAsQ0Z0Nw3B8XxR2K1dIxY1qnNVqubmXKmtVXU2ya13AckA6E090WwKp4cWaS6b6S4PHg+G0UUsOGVVQnGZ0va7HfUvd2q911WA6txTRvBqzFcJ0b0JxSatwrS3HeXrEkLomU1NArmrlR2tUu6SzrWVI0TcBa4fuCHCdE6GfG4sSraytxTFGw0VCjdUTHqrnNamtXqiJZNm1AO5uBbhA0BxZV0f0Vo+wlfAitWhnpW08kqt7pUyquZdSqqKubpQDt0DGV\\FxueqOVGoq2al1XzJvA6im0HxDhL0hgxrT6GSk0eo35sNwBXa3\\8A1qm31lT6ibE1LvuHWXDfVrorw84S9MdxjA8FrsMY2dcLe5XojUkYjI49iXsxEsmpVV20Dg3CTFhldo4j6TRDShuLYjWxU9Bi2P1j5amqal1ciRrqRb5U1IqWdtA9ccE+jdXolwfYLguJVb6qspYESV7nXRrlW6sav2W3yp5EA5Q+mgfPHO+GN00aKjJFaiuai7bLtS4HC+GfRHENNdAqzCcFr30OIq5ssL0ldGx6tXWx6t15VRV9tl3AeftLuDHRLgh4Pn4rpRlx7SurR0NJFK5UgSVU1uRm1zWJrVXbdWpLoBuP2PMGp6nRTSdtZikEsWKf7M7C2ypnaxrVa6RW3umZH2vbcBz\\AEW\\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\\Bho7S1cuL6P4diWlNbd7IYlWOVXKnOSuYqKjdXnX3qB1rwIV3BtoNi+H1eP1\\ZbSeqlbHFyWBZKbDs66lzOtmdrS7m3teyb1UO\\uFnhPfoBi+F0cGi9fjNXiTFSB1O5Go5WrrZqa5yqiKi2tv8AOB0lweYPwv6L1OkeJaPaHxRz41Okrn4g9iPiRHPdZGq9v296bgPRHBJW6YVmiq\\0g0EdJjMM7o80attNHqVH2aqom1U1dFwOagdTcM+neIUUsGhug7Fq9MsVblYka6qKJdsz1+rqva+zb0IocEmx3Df2cMKw\\AocEqsbx3FouU1Fe2RI2VEuZWq1FVFcuVbWbb619qqBzXggx7hF0rxOvrtNMEo8M0ZngtTUskatlzavqr2ytVFW+a2628Dq\\hs\\Z3npZpsf4O4nOYjuNlwti9vGu3NCu9P7O1N3QBseArF+Gni4IqzC1r8DTtUkxuRaeRqf2X2WRdi7WuA9OsVytTOiI62tEW9lA+gAAAAAAAAAAAB5Y4fvpKq\\VoOqpYldcgR1HNL7AIoQLsW4Cw0DMAAAAAAAAAAAAAAAAAAAAFep2NAgAxl5qT0V+QHuDR\\vFh3q0fUQir4AAAAAAAAAAAAYpGxJFkRjUkVEarkTWqJsS\\tUDorhmazTXha0J0Fja2alp5FxbE2Lrakbe5RyeVEcn\\enSB1bwk4divAHwqQ6QaJMVuA4ldyUy34pUvd9O7oRNrV2oluhQPTPBpwhYFwg4I2vwSoRJmInKKSRUSWnd0OTo6HJqUDmAADpnhr4GcJ05xqh0hrMU7Fto48te7JdJadl3KqLftXIl9evV5gNPwC4I3HNJcT4QZ6VKLB2RdjcApnJlSGkj7XOl9l0T3q9fKBtqGkl4UeFKh0jVF\\c3Rtzkw57ks2vqvrSt6WNVEs7erdW1QIeGvgd\\eHFKXSrRKrp8H0lppmSSzvdxccqNXU9VTY9vTvTUu4DuijfxlLE5JmTXal5GKmVy71S3lAmAAeeeFCgxjGf2kdH6TRnEIMMxODBHypWVFOkyRtV0jVVrV1K6yr5rgcG0wwGqxHTijwfAtL8Y0v09pHcZyl9QyCjwxzXJdyJr7ZFRO1avnuqWA9X6PQV1LgOHU+MVTKvEoqeNlTOxuVJZEaiOciatq3XYgGwA02l+kuGaI6P1eM43UJBRUzbqv1nrua1N7lXUiAeesP0VxnhIrsT4R+EKiWDCKSjmkwfBZd7Gsc5rnou7VfWnbLrtlREUNF+zHwYvxFuAad0WKupZKOunjqadW3SWNGoiI1UtbulRUW6WsB3PpHwi4ti802E8FuErjNa1VjkxWZMlBTLvXjF1SKnQ26efYB1RwU6HyJ+0fj9LpvUQ6QYvQ0bKtaqViq1JnJGqK1q\\ZR1k1WSyWRNVg9VgAAADRabw4\\UaNVceiFVS0uNLlWCWqZnjTtkzIqWX6t9wHnzhfw\\TrRTQasxnSvhMquVTObDTUGGQpA18qreyPRUdlREcq6twGj0T0LwvGdPtEcHx\\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\\i1EbUsqu6bL2qO2rZb7LqHb0zXvhe2N\\FvVqo19r5VtqW28DimhOg+HaI8urI3zYhjVc5Za3Eqmzp6h222pLNb0NSyJqA6jw79o\\RnEKaCoxPRjEX6RwSvjipIKdsz2XXa17rKiqiJdES903ga\\Tvhq4RING6jFsM0JfgGFNVG8uxLtpO2ciNysdl1r0WcB2hwC8Iz+EfQ5a2speT4jSScnqsiLxb35UVHs8ipu3L7AOygAAAAAAAAAAAAAAPLHD99JVX6tB1VLErrkCOo5pfYBFCBdi3AWGgZgAAAAAAAAAAAAAAAAAAAAr1OxoEAGMvNSeivyA9waP94sO9Wj6iEVfAAAAAAAAAAAADR6a6TYfohozXY3i0mSmpWZsqL20jvqsb0qq6kA4DwE6MYi1MV040qjVukWkbklWJyWWlp\\+HHr2arLboRqbUUDnOnuiOGab6M1eCYzGrqeZLskb3cL07l7V3Kn6psUDwppZo1pdwMaaMfFUz0srVVaPEae6R1DL+70mL8rKB39wV\\tEVmMQRUuk2jeJTTtREdXYVSvmY7+06NEu32KqeRNgHoXDq2HEKGCrpVesEzUezjI3RusvS1yIqeZUA6j4PdI\\6YYdOMPxtqJgVNiDKaCGmerFkhbdVR701uR+VFVOhVTYBd4atLanQqPQvC8AZSR9ksUionUjomqx9MiI1zEbuTtmpq2Acj4X6Vn9EmlUUKcU2HC5nxJF2uRWMVzbW2WVqAaDgEqZNLuAzB26SKuIJUQz0syz9tx0bZHsRHKu3tURL+QDgf7PcGL6GcLel\\B\\K+efA6WN1ZTK+6pHdzMipuTMx+vyt84HpAAB0dwgLhjeHenkx6sWhwyPReZ086TrArW8el+3RUVL7LJrW9gNZo3oxo1wvYTVtwzR6HA9FsO\\gYPiNPHxVY+ZFu+Vq\\YTUmV11Vdd0VNQcUosX4SeCHhFwLBdIcTqca0Zr6plNDLJ\\FbKxzsvauW7mPbdFy33b0A9XgaPG9FMHxzFaDEMXo21k1BdaZkzldFG5bdvxd8qu1anKiqm4DX8LGIphPBppNWLE+Xi8PmRGs23c1W39l7gcL\\ZSo+S8C+FP1\\7RNPMt\\vFb\\lA7C0u0nwrQ7B+yONPlgw9jkY6SKnfI2O+zNkRcqbrrqA6D4IdK8P0q\\ae0rxPCnuloqzD1bBIrVbmSPiW3suvXYD00AAAAMZZGRRukle1kbEVznOWyIibVVegDonB8IfwxcIzNKsUjcuhOCPWLB4JO5rpUXtp1T7F0Tz2am5QK+luP0\\Bn+0FU6RaTRTswLHcMjpYq2ONXthkYrbtcia\\q31bnIvSBymq\\aC4N4IlezH1mVPqRUkyqvvagHXOi37RTazharKLktTUaNYpPBBRXbaamdlaxXZEvdrnXVU2pt8gHp3agHHHaEaMu0jqMfkwSgkxifLxlVJEj3LlRERUvqRbImtNYHTPD7juI6b6UUXBXoe5XSzObLi07O4hjSyo11tyanL5cqbdQHa7+DnR6Xg5i0LnpEfg8cCRN1Ij0cmvjUXc\\Mquv0qB5QqsX07\\AGe9LlwqOqdV4I9yyQRTorqeqjvrVu9j9evLsXpRdYeytEMci0l0XwrGqeN0UVfTMqEjct1ZmS6tvvst0v5ANuoHkSm4G9LdOeFjGKfTnEMTXBcPmVyVsqudyiNy3Y2C\\apdtrqnc22XA9SaLaN4RorhEWGYBQw0VHHsZGmty\\acu1y+VdYHn79oeHF6fhy0ArNGFg7NywOhpuU6osyPdbN7Hr+QEulPBvwy6aYK+g0h0rwVKOWyyUkTcjXWVFRFVseuyonuA7x4PMLrME0IwTC8TZSsrKOlZBKlKn8O7UtdupNu3z3A5EAUDynLpBFwLcPelMbsMrK6gx2FtTS01I1Fe6R7rpZF3ZuMbq9wGfCvV8IfCzg9Dh0HB\\ieE4QyrbO6SaRqyvSytRVY5GqlsyqB6Q0O0bw7RLR2jwXBoEho6VmVvS9d73Lvcq3VVA3IAAAAAAAAAAAAAAHljh++kqr9Wg6qliV1yBHUc0vsAihAuxbgLDQMwAAAAAAAAAAAAAAAAAAAAV6nY0CADGXmpPRX5Ae4NH+8WHerR9RCKvgAAAAAAAAAAABxXSLQnD9I9I8NxTG5Z6unw3t6bD3qnJ0mvzrm\\XciWRL6k6NYHKgAGuxzA8Lx6lZTY1h9LXwMkbK2OojR7Ue3Y5EXeBdp4IqaFkNPGyKJiWaxjUa1qdCImpAJAOLaE6C4LoXNjMmBRzRNxSp5VNG9+ZrHW2MS2putVtr2gZ6UaEYNpLj2j+L4pFI+swSZ09KrXWarltqcltaXa1d2tEA5DVU8VXSzU1TG2SCZixyMdsc1UsqL7AKOjWBYbo1glJhGCUzaXD6VqtiiRyuyoqqq61VVVVVVW69IF5lPCyoknbFG2eREa+RGojnIl7Iq7VRLr7wJQAHSnDlwMy8I2lmj+J09aynhhTk1ejlXNxCOVyLGmzNrcntRdwHb2C4XR4LhVJhuGQMp6KljSKKJiWRrU\\8Ae3eBZmgimWNZomSLG5HszNRcrk2Kl9i69oEgACGspoK2kmpauJk1PMx0ckb0u17VSyoqdCooEGC4VQ4HhdNhuE0sdJQ07ckUMaWa1Nv+IFmohjqIXwzxskikarXseiK1zV2oqLtSwHS\\ARwQVWgOlGkmL4ktIq1L3QUDKdyuyQK9XXW6JZV7VLeQDuwAAAAaTS7R6LSfDW4bW1NRFhz5EdVQwOyrUsT\\AITnbUYq2zIllVNV7KoG1o6WCjpYaakhjgp4WIyOONqNaxqJZERE2IBBjGE4fjVC+ixaip62kf3UNRGj2r7FA4b\\AEN8HufN+6eGXvfuFt7r2A3mAaDaL6PTJNgmAYZRTIt0lhp2o9P+61wORgFS6KgHGdCtB8E0Ojq1weB61VZIstVV1D1knncqqt3vXbtXVsA5MBxnhB0IwXT3AH4VpBTrJFfPFLGuWWF\\2mO3L+S7wNnozgtLo7o\\h2D4fn5LQwMp41et3KjUtdV6V2qBswAADV4pgGFYriWG4hiFDDUVmGyOlpJnp20LlSyqn5e5OgDaAAAADh+kWgdBjOnmjmlj5pYMRwfjGNyIipNG5rkyu6LK5VRU6VTeBzCw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Br8Wr34fHxiU7pYUY9z3tXuFRLpdNqouzUBSwTHJa+rmgqKKWBzFam5UaqsRyoq323VbW3AQ4tpMmH1tRTrFTrxLo2\\xKjI52a2tEyrqS+vWBewjGGV9PVyv4ljKd6sc+OXOxURqLe9k6fyA1T9Lo2wU8uSFVmWRzY1lyu4tEVWKt9iut+aAbOvxpkGHUdXTx8cypkaxqK5UtdFW62RV1W2IgFCh0hqKqtdG6CKOKOXi3qiSuVdSLq7RETam2wFyfHIocWWmcipAy0ckuRbNlcqZW32bFvcBhGOx1cGaqY6nfxbp+2YqNWPNZHIq+S3vAoy6VxrWR8miSSis5Xyq6znW25G77eWyrrtewFzFdIaelwR+IUipUNvlYiNdZVumpVtq9oGOIaS0lMtK1nGK6aZrFR8T2qjV2rZU1r5AN61UciKmxdYH1Vsl1A45+8zHMqpYmU74YlVWqs+VXRpqz7N7kVETaoF+kxKWqwNtfDSo6R7M7IElRVXyZtl\\J7AIcRx2OlZHkimV7pWRua6J2pFWy7tagS4hjUdHk\\gTOR8fGI9URjUvqRFVypZfJtAgwrHkrHU8UlK9ksnaudG9kjGusq61aq22bwIMY0mTDq1YFpXva1Faqq9qKr9WRES+xeldgFylxuJ+DvrqiN8TY0RH7HJm1bLKt9a2Aps0herKRi07+Vuky1MCRuV0aIzMtk9rdezWBbr8ajioaOWlaks1Y5raeNy5VdfWqr0WS6gRYTjrq6tqInUk0cbZeKY9USyWRFXNr231agPlRpHBBWVcSxukjgTWsXbOVUS71VNzW3RL32rYCzg2Jy19JmlpJo5msu5FREaq2vZLrdFtbUttoES43MlYylXCqxJ3RrIjc0fcoqIv1ulUAs4hXzUtBx7KGeSTi3OVjcq5FRL2dr+VwKNLjlXLVRxPwqqRroGyqqImpVW3Ts\\MCxXY0ymxSOjbFJI9zHuVEY6+ZLWRFtbXfbsTeBlh2KS1ldUUzqGWFYLJI50jVRFVLompdeoDV4npPPSIjVoFbIjbyI+RO1XPlTel0VLrfzAbWXGIosLWuWJ+VHoxWZmqt1cjdqKqb+kCDs5kqJ2SRIqNrGUjcrtfbIi5l94GGN45Lh1eymipmyosSSK9z1S13KltnkA+YJjk2JVqwupWsjRivWRr7oi3TVrQC3iGI1VHNE3kTHsllSGN3HWuqoqoqpbVsAlrK99Hh61FTDGx6LbIszUT4lsgGgh0uV72OdFS8W+FJUjbUIr07dEVFvZMyJdbfmBusVxeKjbScWrJH1Lkydtq4tEzOfq3I3\\AAAip8ZlctFx9E9kdU\\IyVsjVbrRVatttlRL7N4EMmkcMdTVNe1W08bXNjkVi2fIxHK9t9mqyAXMKxTldK7joZY6qKJr5YlYrbKqXsl9uxQNKumCJUrElIvOIqLxjOatrVe27q+qwG0xTHmUEcD3Us0iSROmVEVqK1qK1Fvr1r2ybAPlDjTqnFamkWiqWNjViI5Y9l0Vbu6E6AN0AAAAAAAAAAAAAAAA8scP30lVfq0HVUsSuuQI6jml9gEUIF2LcBYaBmAAAAAAAAAAAAAAAAAAAACvU7GgQAYy81J6K\\ID3Bo\\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\\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\\hQ58qqi929V2pqRUamtbawINFaPEMOxVkFXBZi06ormoqtRL3TWi5b3VU6QL+LYTTuq8Php6F7k49JJHtRcjWIi3ut\\KgGwrqRtJhs\\IeNgXuncRHxj3eREXeBxSLD8QpqehmdS13E08SMqEbIiyyJqcjWNTWjUVEvbXrUDc6QUjqtMOrI6ORKlzXo\\tbuY1YX9qtv7SonnAkdHLxOjkHETK9ise9ci2YjY1Rcy7luqAamnweoqcTiZWUMjqNayd7nOkXKrVa6y5N2u2sDY4XBK2LFFTlTUbFHAyaaJ2Z+RqorkallXbtTaBqEwrE1rErMkq0yM4q+RyS2vfNkV97X1bb+QDZYzhNXXYfA+N8j+LpZI1bkyvkVXMVG2cq27npuBSwjBcQo8ckrJKdJcz2K+PMqMYjkVbsVduRbJ5UuBy6lfVuratlQyNKdqt4hzb3cltd\\MoFsAAAAAAAAAAAAAADyxw\\fSVV+rQdVSxK65AjqOaX2ARQgXYtwFhoGYAAAAAAAAAAAAAAAAAAAAK9TsaBABjLzUnor8gPcGj\\AHiw71aPqIRV8AAAAAAAAAAAAAAAAAAAK1bXUtExHVlRFA1dmdyJfzAQUeMUFZLxdPUNdJmViNVFaqqjUctr7dSoBNV19NRuRtTKjFVjpLKir2re6XVuS4GUNbSzK5IamGRWJdyNei5U6VAjp8UoamZYqerhleiXVGPRbJ50AydiFI2i5W6diU17cYq6r3t89QFeLHMMllbHHWROe5yMRL7XLsTzgT1mI0dGyV1TURM4puZzc13Ilr7NoGcFbTVCokFRDIqpmRGvRVt5gPj62nZynPIjeTNzy3Re1bZVv7kUDNKmJaTlOb+Bk4zMqL3Nr39wEba6nc+laj3XqkV0SZV1oiX9mrpAnkljjViSPa1XuytzLbMvQnlAwo6mGspo6imfniel2usqXT2gV6rFaCl5+rhb26R2zoqoqrbX0AWYKiGe\\ETRyZduRyOt7gPjamF1W+mR\\wDHYxHuZZe5VVRF\\JQJgK6VlOtUtPxzOPvbJfXe17e7WBHV4nRUcyRVVTHE9W57PW2q9vmBnR11LWo9aSeObItnZHXyr5QIkxWiWmgqOPbxUzkbGqoqZlVbJq27QLMlRDHxXGSMbxrsjLr3S9Ce4D4ypifVSUzX3mjaj3NsupFvZfyUCJ2I0ja5KNZ28qX\\AIaXVf5ASQVcM7ZXRPu2J7o3qqKlnN2oBC3FaJ0Es0dSySKJEV7mdta+zYBYqaiKlgfNUSNjiYiq5ztyIlwMHVlOyeGJ0jUkmRVYnSiIir80AylqYYqiGCR1pZroxuVVvZLr5gFNUxVKypC7NxUixv1KlnJtTygVHY1hzXvYtXHma5WuRLrZU2oBYjrqWSlbVNqIuTu1JIrrNXXbb5wHLqZZYY0mY58zVdHl1o5Etdb7N6AZ1FVT0yNWonihR2xZHo2\\vAwgr6SokRlPVQSv25WSI5fyA+VeIUlJHI+pqI42xtVzru1oieTaBlRVtNXMe+kmZK1rla7KuxU3KBYAAAAAAAAAAAAAAAAAAADyxw\\fSVV+rQdVSxK65AjqOaX2ARQgXYtwFhoGYAAAAAAAAAAAAAAAAAAAAK9TsaBABjLzUnor8gPcGj\\eLDvVo+ohFXwAAAAAAAAAAAAAAAAAAA41py2RcMVWRyuRLXe17Wtb2ybb6\\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\\aVF1+cDjSUkDKSqxOCkpJKWWqbHA2RjlVWK5rLtW+pFW6gbfSiKmoKOCVkNBkitGjZ1VLIrkTtbLuuqqBBgdPhzMYmfIyl4xzYZad7V1KqorVVl\\K1feBQxhJIMUxTj5FqJ3vgfA1j+LkumZWNYlluibV9qgWtEppKrDKyV7XVFZM1qyxvnyvetrIuxMrVSyoqXA0jaZ7sDpFexqvZC+ojRI2vRUY5VVFc7X50TV0AcirJpaPBMMfUvgaxZ40dFJCyytVydzZbJZLrqAoYfhzExmnmWgmfhqvVsUrocr1cutM6bcia7OVE2+0DDSlmIVWP1EdFDUKiUcjUTjVbn1szKxOjudW\\WBPo1Syx4lXyspZIYWtqI1WJ6KufOyzU8qIi2UDUy0tVHHWxpTN5JA56uZx+qN70jWyr9Z21V8qqBs8YpnTaJ1C65Wxzzy5aeRHtZZHWRXLbU3ydFgK1bTVLKmldlV1TEsTO2ayRLSakXM7W5dWq+wD7pK5Exmu418PKG01NxbpFVHo5XOurETVfZf2AbPC8PloMbomTsjSXPUOdOmpZ0VGrmVPO5U9gGqjnmVqrRyVb4FqZJqpsN7JDx12ub\\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\\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\\fSVV+rQdVSxK65AjqOaX2ARQgXYtwFhoGYAAAAAAAAAAAAAAAAAAAAK9TsaBABjLzUnor8gPcGj\\AH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BSxPFaDCoOOxKsp6SL7U0iMv5r7SXKTu1jhlldsZu4fWcLOiFM5WtxJ06p4GB7k+RzuvhPl3nCat+GFLwvaITuRHV80N98tO9E+SkmvhVvB6s+HLMG0gwnG48+E4jS1dkuqRSIrk87dqHSZTLtXDPTyw902bRFNMAAAAAXAp1+KUGHsV1fW01M1N80rWfNSWyd2sccsu0cYr+E7RGjVUfjMMrk3QtdJ8ksc7rYT5dpwurfhoazhr0biulNFXVCps\\hZUX3mbxGLpOB1L3aefh3pWutDgcz06XVCN\\ymfqfs6TgL85Ik4eWX16Put5KtP9JPqfsv8AD\\6l6k4c8LeqcqwuqhTfkej\\APBCziZ8xm8BlO1buj4YtE57JLUVNOv\\ANWndb3pc3NfCud4LVjkWG6caM4iqNpMboXOXY18qMVfY6xuamN7Vxy0NTHvi5BFKyViPie17F2Oat0U25bbM01gAAAAAAAAAAAAAAAAAAAAAAAAAAAAAAAAAAAAAAAAAAAAAAAA8scP30lVfq0HVUsSuuQI6jml9gEUIF2LcBYaBmAAAAAAAAAAAAAAAAAAAACvU7GgQAYy81J6K\\ID3Bo\\3iw71aPqIRV8AAAAAAAAAA+Pe1jHOe5Gtal1VVsiJ0gdIcIXDE5kkuH6JK1cqq19e5Lpf\\6ab\\SX2JvPLqa\\xi+jocF\\Nqf7OlsQrqrEqp9TiFTLVVDtskr1c78zzW29a+jjjMZtJsrhTZrAzgmkp5mzU8j4pWrdskbla5PMqBLN+ldsaBcMVdQSR0mkznV1Eq5eVIl5Y\\S+2n5+c74a9nTJ4tbgpl10+ld\\UFZT19HDV0UzJ6aZqPjkYt0ci9B65d5vHy8sbjdqsFRxrSTTbR\\RxHNxPEYmzp\\wI\\4ki\\8Aamz22OeWpjj3rtp6Gpqe2OsMf4c5FV8eAYWjU2JNWOuvnyN\\xU45cR4j2YcB+uuvMa4QtKMXVUqsXnjjd\\w6e0TfN2utTjdXK969WHD6eHaNdQaOY\\jb89HheIVau\\4ixuVPa5f1MzHLLtG8tTDDvdnKKDgh0uqkaslJT0rV8POl09jbnSaGdcbxmlPlvKbgMxh9lqcVoIulGMe9f8Df098uV4\\D4jYx8A7lT+Lj6Iv9ml\\\\AKi\\Tfdn+If0pF4BmW1aQPv5aRP9Q+m+6fxD+lWn4CKpEXk+OwuX\\wCpTqnyUfTXy1OPnzi1NZwI6RQoq01Xh1R0Ij3MVfehi8Pk3OO073lcdxLgz0toUVZMGlmaiXvTubL+SLf8jF0c58OuPFaWXy0UdRjWj1RZkuIYZK3dd8X5bDO+WLrthqTy5hgfC\\pRhuVtVNBiMSfVqGWd8TbL77nTHXznd58+D08u3R2Ro7w1YHXK2PF4J8NlXVnX+JH701p7UO2PEY3v0eTU4HPH29XZWG4lR4nTNqMOqoaqB2x8T0cn5HeWXrHkyxuN2sWysgAAAAAAAAAAAAAAAAAAAAAAAAAAAAAAAAAAAAAAAAAAADyxw\\fSVV+rQdVSxK65AjqOaX2ARQgXYtwFhoGYAAAAAAAAAAAAAAAAAAAAK9TsaBABjLzUnor8gPcGj\\eLDvVo+ohFXwAAAAAAAAADobh106fLUyaNYVKrYY9VbI1e7d4O\\Qm\\3blPJr6n8sfT4PQ2nqZfs6XPO+g59pRQU7OC3Q+pgpY0qZpJkllZGmd6Iq2uqa1OuU\\Bi8mnlfWzlrgbo3tS7mOROlWqhyeqWOdcHdLhWEUsulmkL45aakfxVLRMc10k8ypvauxES66\\PuOunJj+PJ5te5Z30sPlva7R3Q\\EMZj4iSvjjqIG4lNU8cx8ccV7vYrGN7V27ciXubuGFv8Alymrq449dvCXSGXQLHsNXSN8GJxMZKlGtLTSxROYjWpldktdUVFTXdRl6eU5jTmvp30+nlpdAuERND8Rr4KeGpqcAlc58FPI9OMjX6q32XXYvvMaeryX7Omtw3qyW+5X0t4U9IcfzxRTphtEuriaZVRVT+0\\avsshM9bLL7NaXCaeHXvWp0a0I0h0lcj8PoJOJet1qZ+0j8+ZdvsuTHTyy7N6mvp6furtTR7gNpIkbJj+JSVDt8NKmRvxLrX8jvjw8\\mrxZ8fb7I7GwTQvR7BETsdhNLG9P+I5md\\wATrqdsdPHHtHkz19TP3VyBEREsmw25PoAAAAAAAEFVSU9XEsdXBFPGu1srEcnuUlm6y2dnCse4KNFsVRzmUS0Ey6+MpHZNfo9z+Rzy0ccnow4vUw+d3WWknApjFEj5cEqosRiTXxb\\AOFL\\pX3ocMuHs7PZp8dhffNnX7H45onia5VrcKrWrs1xqvs2OT3nH8WFer8GrPMdoaIcNk8Ssp9KKbjmbOVUzbOTyuZsX2e474cRf5ni1eBl66dd0YHjWHY5RNqsJrIqqBfrRrravQqbUXyKenHKZTePBnhlhdso2JpgAAAAAAAAAAAAAAAAAAAAAAAAAAAAAAAAAAAAAAAAAB5Y4fvpKq\\VoOqpYldcgR1HNL7AIoQLsW4Cw0DMAAAAAAAAAAAAAAAAAAAAFep2NAgAxl5qT0V+QHuDR\\vFh3q0fUQir4AAAAAAAADRacY2mjuiuI4pqzwRLxaLveupqe9UMZ5cuNrpo6fqZzF4+mlknmklmer5ZHK97lXW5yrdVPnd335NptGBR29VaT4ro1wT6ISYPUMhfO+dsiuia+6Iqqm1NR6LncdPHZ8+aWOrrZzJwfSHTjHtIMP5FitXHLTZ0kytgYxbps1ol95yy1MsptXqw4fDTvNjEuhNPSwStxKTHcCoqhiujSmxKB0qORU7pWoll8gwknXdNa2\\h5bZ9nZOAaTYdRLiC1mkOhn8alkij5Lh7o\\4ipqz6u2Z0pvO+Ocm+9jx56WV22xy\\3azGo1qMAjkrMd0IgocQa+OKoiw1zHOyrZ2RyJdFRTN7dbOreHTLpjlvPu6mxGnjpa6aCCqiq4o3WbPDfJInSl9djz2bV78bbN7NndvATozo7ieCLidTRtqsTgndG9J1zsYu1qtbs1oqbbnq0MMbN3zuM1dTHLll6O62tRqIjUsiakRNx6Xzn0AAAAAAAAAAAAAAChjGEYfjNI6mxSjhqoF+rK29vMu1F8xMsZl0rWOeWF3xuzp3TLgTSz6nRWo17eR1Duq\\8AwX3nmz4f5xe\\S4741HVNPUY5odjSrG6qwzEIu6aqZbp5U2OT3oeeXLCvdZhrY+Y7u0A4X6LFViotI0joa5bNbOi2hkXy37hfPq8p6tPXl6ZPna3B3Hrh1jthrkciKioqLruh6HhfQAAAAAAAAC4Ec08UDc00jI29LnIhN1k3aar0u0fpFVKnGKGNU+1Khm54z5bmjne0VP6QNFL27P4ff70nq4eWvp9X9NW6TS\\R+rVEpsYoZFX7MqFmpjflm6Oc7xuYZ4p25oZGSN6WuRTe+7FlndJcIAAAAAAAAAAAAAAAAAAAAAAAPLHD99JVX6tB1VLErrkCOo5pfYBFCBdi3AWGgZgAAAAAAAAAAAAAAAAAAAAr1OxoEAGMvNSeivyA9waP94sO9Wj6iEVfAAAAAAAAAdS\\tHVrodFcPo2rblFXmd5UY1Vt71T3Hn4i\\hke7gMd87Xng8j6rnsWheAPjY52nOFtVURVasTtS9G06+nj+p5fqNT9FcmxnDdHMR0NwLA26ZYYx+Gvkc6VWKqSZr7Evq2nTKY3GY83Zwwz1MdTLPkvVxap0MwGKnlkj03wuV7GK5rEiddyol0RNe853Tx\\U7ziM7fZXHtHNJ8T0fZMmGSQx8flV6SwMl1ps7pNW0xjncezrqaOOp7nPMS4QaqvpcDbgNTTQYnOnEVdNPSRqxJL2R6SKmpHdG463Vt25e7zY8NMblzzo2enOk2kmjOj2j1PWzUDMZes7qmNsEUiNbnTJqRLJq6NprPPLGTyxo6Wnq55WdnTMr3SyvkfbM9yuWyW1qt1PM+jJs7k\\ZrrXNxTGqG\\aSQsnRPK1ytVf\\MnuPRw162Pn8fj0mTvs9b5gAAAAAAAAAAAAAAAAAaXSjRnCtJqFaXF6VszU7iRNT416Wu2oZywmXSumnq5ad3xrzvwhcGeJ6LLJVUuavwnbxzW9tEn\\wBRE+aavMePU0rh1nZ9XQ4rHV6XpU\\Bvwn12jL4qLElkrcH2I1VvJAnSxV2p\\ZX2DT1rj0vZNfhcdTrj0r0dg+K0WM4dDXYZUMqKWVLtexfyXoXyHtmUs3j5OWFwvLkulZAAACjiuLUGEU6z4nWU9LEn1pno2\\m6fYS5Sd2scMs7tjHXeO8NOj9CrmYbDU4lIm9jeLj+J2v3IccuIxnZ68OBzvu6OA4vw16RVaqmHwUdCzcqMWV3vXV+RyvEZXs9OPA6c79XEMR040mxFXJVY5XKi7WRycWnubY5XUyvy746Gnj2xa+OhxnE3Zo6XEqtV3pHJITa1vmwx+ZGxh0G0pmRFjwDEVRemLL8y+nl4YuvpT+aJ\\6PdLrd4K73N\\UvpZ+E+o0v1IZtBtKYUvJgGIoifZizfInp5eFmvp3+aNdLh+M4Y7NLSYlSKm9Y5I\\8CbZRuZYZfMq9h2m+k2GualLjlc1E2Mkl4xPc65ZqZT5Zy0NPLvi5hhPDVpFSKiV8FHXM3qrFjd726vyOs4jKd3ny4HTvbo57gXDVgFarWYnBU4bIu1zk4yP3t1\\kdceIxvd5s+Bzx9vV2JhOL4fjFOk+F1tPVxfahejredN3tO0ymXZ5MsMsLtlNl8rIAAAAAAAAAAAAAAAAAAPLHD99JVX6tB1VLErrkCOo5pfYBFCBdi3AWGgZgAAAAAAAAAAAAAAAAAAAAr1OxoEAGMvNSeivyA9waP94sO9Wj6iEVfAAAAAAAAAdM\\tKxOdhWBzJ3LKiRq+dWJb5Kebie0fQ4C\\iyjoQ8j6azLQVUXI+Mge3ljEkp7\\APFaq5UVPaioXas806\\ZHV001FVzU1VG6GoherJI3bWuTaiiza7LjZZvEKuam1yJ51IqetpaihmSGthkp5Vaj0ZK3KuVUui2XcvSWzbumOUym8YQRvnnihgRXyyORjGoutzlWyIgnUtkm9TvoKzsjNRLTzPro3ObJEiK56K26uvboRF9w2u+yc023+EdVTT0kvFVUMkMuVr8kjVatlS6LZdyoqKLLO6yyzeO1P2bonLpZikv1W0WVfOsjVTqqd+H91eLj7+Cf3ehz2PlAAAAAAAAAAAAAAAAAAA+Paj2K1yI5qpZUVLoqAdJ8J\\BK16S4popCjX63S0DdjulY+hf7Pu6Dy6uh84vo8Pxn8up\\u6z0G0yxPQ3E1kpbyUz3WqKR6qjX26rk6feccM7hej2a2hjrY9XqHRfSHD9JcJixDC5s8TtTmLqdG7e1yblPdjlMpvHxdTTy08uXJuLmmGg0q0vwXRiDPi1YyORUuyBnbSv8zU+a2Qxlnjj3ddPRz1fbHSulfDRi1fnhwCBuHU66uNfZ8yp8m\\n5zzZcRb0xfQ0uCxx659XX1PS43pTiKrDHXYpWOXtndtIqeddiJ7jjtlnfL1W4aU69I7A0f4E8arMr8Yq6fD412sb\\Fk\\LUnvO2PD293lz47Ce2buwcH4HNF6FGrVx1OISJtWeWzV\\wC1tvzudZoYzu8ufG6mXbo5nhujeC4YxG0GFUUFtSKyFt\\ftOswxnaPPlq55d62yJZLJsNMAAAAVLpYDU4lo5g2JtVtfhdFPfUqvhaq++1zNwxveN46mePauG4xwOaL1yOdSxVGHyLsWCVVan\\a66e6xzuhjez0Y8bqY9+rr7H+BLGaTNJg1ZT4hGmyN\\8ACk\\O6L70OOXD5Ts9WHHYX3TZ19VUeN6LYg1Z4q3C6tq9q\\XGq+Zyal\\M42ZYXr0eqXDVnTrHP9FOGfF8PVkOOwtxKnTUsrbMmRPPsd7bec7Y69nfq82pwWOXXDo7q0V0xwTSiFHYTWNfKiXfTv7WVnnavzS6Hpw1Mcuz52po56XujkJtyAAAAAAAAAAAAAAAAHljh++kqr9Wg6qliV1yBHUc0vsAihAuxbgLDQMwAAAAAAAAAAAAAAAAAAAAV6nY0CADGXmpPRX5Ae4NH+8WHerR9RCKvgAAAAAAAAOA8N+EuxXQCsdE3NLRvbVNRE12bqd\\5VU5a2O+D1cHny6s+7zzoZJiDcZSHCKCjr6udisbDVRNkbZO2VURyoiLq2njw336Pqa0x5d8rtHb0MOkdTQRSVOjFBDWUFPE2GNaaB7Z3pKqvRi5v4aZVuibL3PTOa\\D59unL0y6X+7g\\CbVY8ySfsxo\\Q4bT107nwv4iPj1st7LI1da9K7zlq3L5j08Pjp\\y5b2N9oFQOrcH0TpKeow6l5VJUOnSaljkmqGtkW6MVzHWVGou3Ua05vJs56+W2Wdst22XIIsUxHA8ZxCo0jwGXkEkcEc7qGJY4WIq3R94b9yrbW2ayzey3eM2445TGY3r9\\\\ANcO4Np2Vums8Va6jfNXKjGZoVRrpEka5FjRjbMVMt9yWOend8ur0cROXT6fDndXh0U2LYk7Ca3C4MVWOpoqVkjnQyPmlkc+WR2Zt1tH3KpdNtlO1nW7d3lxy2k5pdul\\wBuzhWnWEwt0RwGvnxPDZsShh5LamnWVtVAxytY9q22t1tXzHHPH8Mu706Od58sZLt\\w5\\+zjhLqfA8RxSRtlq5kijVd7GIuv4nL7jrw+O0tebj898pj4dwHpeAAAAAAAAAAAAAAAAAAAAAoHVXCzwZx47HLi2BxNjxZqZpYk1NqU\\wf5d+88+rpc3Wd3t4biuT8OfZ0voZpRiWhmOcopkdlzZKqlfdqSIi60VNzk12XcebDO4V9DV0sdbHauwNNeGioq4lptFon0rHN7eqnanGa01o1utE863O2evb0xeXR4KTrqdXW2DYJjml2JvShgqK6pe68s73KqN8r3rsOMxyzvR7M88NKdejujRDgVw+jRk+kk\\L59vJ4lVsSeddrvyQ9OHDye58\\V47K9MOjtXD6Ckw6mbT0FPDTQN2RxMRqJ7EO8knSPDllcrvaslQAAAAAAAAAAAFavoaXEKZ1PXU8VRA7U6OViOavsUlkvdccrjd46r0v4FsOrUfPo5MtBUbeIkVXQu829v5p5Dhnw8vte3S47KdM+rpfHMBxvRHEmJiEE9FOx14p41XKvlY9DzZY5YXq+jhqYas6dXZOgnDLUUyx0elbVqIO5Stjb\\Eb6bU7pPKmvznbT19umTx63BS9dP\\AGd5YbX0uJUcVXQVEVRTSpdkkbrtU9Uss3j5uWNxu1WioAAAAAAAAAAAAAA8scP30lVfq0HVUsSuuQI6jml9gEUIF2LcBYaBmAAAAAAAAAAAAAAAAAAAACvU7GgQAYy81J6K\\ID3Bo\\3iw71aPqIRV8AAAAAAAABhPEyaJ8UrUfG9qtc1dioupUJSXbrHl3HdAn4TprVYbU18OH4Y1jqqKsnW14E3NRNbnpsyoeK6e2W3w+zhxHNpzKTe+Pu2dAylhpY38H9TQzVypaSqxOpbHVxrs7SOSzGp5UzL5jU2k\\B\\ljLe3\\zdvt2ca0m0Z0ipaefFMdmhmRFTM91eyaRyqtksiOVVOeWGU65O2nq6dvLh\\w5toppDhOBV+jOGRTNqK2KKKJapHN4iJJ5OMn137pEysv5zrhnjjZHm1NLPUmWXx\\np2Sw6exv0YxO7UrIoHUrKttQ1rH1iyPeyVLJuRjWoi7dSKX1fw1Lw9558d9vt4cL0Nx3D8D0omnw6mlRJ5mQUk9VIiuponSIj1dbUrsl0vuOWGUxy6PTraeWeG2TklXi0bMVxjSGvxSlqJ6WSow3CIGva6RFerkR77a8jWuVUVb7dRu5dblb\\ZwmFuM08Z32tajGcGXFKvRLRfBqqlrqumpXRTSUr1kjY50ivVVd0Ii3UzljvccI64Z8sz1cptK9J6P4VT4Jg1HhtGloKaNI232r0qvlVbr7T2Y48s2j5GedzyuV+WwNMgAAAAAAAAAAAAAAAAAAAFA45prpfhmiWHcpxGTNK5F4mnYv8SVfIm5OlV1IYzzmE3rro6OWrdsXlnSrG5tJtIKjEpaaGGWociJFA32J5XO8u88GWXNd32tPCaePK7I4P+B6orkjrtKc9LTL2zaNq2ken9tfqp5NvmO+nob9cnk1+MmP4dN3theG0eFUcdJh1NFTU0aWbHG2yJ+q+U9UknSPm5ZXK75LZWQAAAAAAAAAAAAAABYCriWH0mJ0clJiFNFU00iWdHI26L\\76SWSzarjlcbvK6L4QeB2eibJXaK56inTtnUTlvIxP7C\\WTyLr855dTQ264vpaHGzL8Op\\u4Dodpfi+h2IOfQyLxSutPSS3yPttun1XeXaccM7hej1aujhrTq9FYDwj6O4rgT8SkroqJIkRJ4ah6I+Ny7rfW8iptPZjq42bvlZ8NqY5cu27h2kHDjQQPfFgeHS1apqSad3FMXzJrVU9xzy4ifyx3w4DK9c7s4hVcNek0r1WCDDYG9HFOf83HP6jJ6JwOnO+6Wi4btIYXJyqjw6obvs10a\\kqlnEZJeB072tc50b4acDxF7YcWgmwuVdWdy8ZF7XJrT2p7TpjxGN79Hm1OCzx649XZ9LUw1dOyelljmhkS7JI3I5rk8iod5d3jssu1SlQAAAAAAB5Y4fvpKq\\VoOqpYldcgR1HNL7AIoQLsW4Cw0DMAAAAAAAAAAAAAAAAAAAAFep2NAgAxl5qT0V+QHuDR\\vFh3q0fUQir4AAAAAAAAABwrhcwrB8R0OrJccfxLaRqywztS7437ERE33WyW3nLVkuPV6OGzzx1JMPl5SVEXaiL5zwvtvoC2q1tQAABcwfC63GMQiosMppKiqk1NYxN3Sq7k8qlmNt2jOecwm+V6PTfBhoFBofh6yTKyfFp2ok0yJqYn2GeTy7\\cezS0uSfd8fiOIutenZzo7PMAAAAAAAAAAAAAAAAAAAAXYBwzhH07otDsP15Z8TmavEU1\\\\ADO6G\\PYhy1NSYf3ejQ4e61+zzVUTY1plpFmfx1fidU6zWt3J0ImxrU9yHj\\ABZ37vryYaOHiR6C4NeDOi0XZHXYijKzGFS+dUuyDyMTp\\te6x69PSmPW93y+I4q6nSdI7GOzyAAAAAAAAAAAAAAAAAAAAFA6V\\aAwnRyCjjr5F5Pj8y2jbCifx0TasidCfa27tZ5dfHHbf5fR4LPUt5f5XS1Ng+J1cLZqXDa2eJe5kjp3uavmVEPPMbe0fQueMu1qX93sa\\5PiX90k\\QcmXhPVw8z\\dVraCsoHMbXUlTTK9FVqTROZmRNtrprJZZ3axymXarOjuDVWkGM02GYejOUTqqNV62aiIiqqqvRZC443K7RnUzmnjcqo1UXJquaB0kUjonqxXRPR7VVFtqVNqeUl6dGpd5u7FwWp0p4NcTqUiRKzDadsUlbFG5XQtSTuda9y5elPadpz6V+zyZTS4mT4vw9A6LaQUOkuDw4jhkmeJ+pzV1Ojdva5NyoevHKZTePmamnlp5cuTbmnMAAAAADyxw\\fSVV+rQdVSxK65AjqOaX2ARQgXYtwFhoGYAAAAAAAAAAAAAAAAAAAAK9TsaBABjLzUnor8gPcGj\\eLDvVo+ohFXwAAAAAAAAADzjw7aXrjGN9haKS9BQO\\iK1dUk2\\2N2ee549fPe8sfW4PR5Mee963XAxwd0eIYNNi+kNI2eKrasdNDImpGb5POu5ehL7zWjpSzfJz4vibjly4XssaScBsL3ul0dxFYUXWkFWiuRPM9NfvRfOXLh\\01NPj72zjhFXwR6X07lRlBDUJ9qGoZZfiscroZ+HonGaV+UdNwT6YzuRHYWyHyy1DERPcqkmjn4W8XpT5cv0e4Dah72yY\\ibI49SrDSJmcvkzu1J7lOuPD3+avPnx8\\kjt\\RrRnCdGqNafB6OOBq92\\a96\\2nLrU9GOEx7PDqauWpd8q3JpzAAAAAAAAAAAAAAAAAAAAAcS4RdM6XQ7B1nkRs1dNdtNT37t3SvQ1N6+w56mpMI76GhdbLb4eZWNxjTPSWycZW4pWP1quxP8AS1E9iIeHrnfu+x+DRw8SPS\\B3oNQ6H4bZiNnxKVqcoqlTW7+y3oan57VPdp6cwn3fH19fLVv2cwOjgAAAAAAAAAAAAAAAAAAAAApYziNPhOFVWIVjslPTRukevkRNnnXYTKyTetYY3PKYz5eQdK8fqtJMdqsUr3LnlXtWX1RMTY1PIif4qfOyyuV3r7unpzTxmMctwjDOEuhw6CDCo8ZgokTNGyJ7UaiLr1JfynWTVk6OGWfD5XfLbdzPSWLhBXRTRZMNXFuySQzcv4t7c+bM3Ln8trnTL1OWbd3n07oc+XNtt8Ot9MMM0zdSx12lcOIvggXIyWqc1UZmVNSWXeqJ7jhnjn3yevSz0d+XT2bjg2xDCtHsIqsUdX0zMbqnpRxJLG57aOJVTNLIiJsX9E6TenZjN9+rnxGOWplMduk\\wAt5pZFhnI8IwrSp1NHWVMklSybAqRirIxVRkKak2ORXL7ENZ7bSZf4c9K5b3LT7Tz\\AJbzhMZguC4xUyYlimMUrcXpGU8rKamZLG9keq112O1p7zepy43re7nw\\PnjJjJ0dc8Fmly6K6VIiyPXCKt\\FTo7VZL2bJbpTf5FU4aWfJl9nr4jR9XD7x6oaqKiKioqL0HvfFfQAAAAA8scP30lVfq0HVUsSuuQI6jml9gEUIF2LcBYaBmAAAAAAAAAAAAAAAAAAAACvU7GgQAYy81J6K\\ID3Bo\\wB4sO9Wj6iEVfAAAAAAAAAcQ4UtJ00W0TqKmJyJWzfwKZP7ap3XsS6+456ufJju78Ppernt8POfB7o3LpbpVT0LletPfjqqTekaLr19Krq9p4tPDny2fW19WaWFr1vTwx08EcMLGxxRtRjGNSyNREsiIfQk2fDt361IVAAAAAAAAAAAAAAAAAAAAAAAAAAavSbHKPR3BanEsQerYIW3sm17tzU8qqZyymM3renp3UymOLyfpDjGJaZaSuqZ2ulqql6RQQM15Ev2rGp\\73qeDLK519vDDHRw2naPRnBdoNBohhWedGyYvUNTlEqa0an2G+RPzX2Hs0tPkn3fK4jXurl07OcHV5gAAAAAAAAAAAAAAAAAAAAADqH9ovGXUuAUOExOs6tlWSREXaxm74lT3Hn4jLabPfwGG+Vy8PPh431HJNEcJxzSbEo6PDairSNtuOnWZ6RwM3uct7Jq3bzphjlndo46ueGlN7HZVTj+H6VPrtC6GuWnjp4448JrVlVvHTRoqORzr60du6dfkO1ymf4J+zxzTy0ttaz+8dTY\\SYzhVU+hxtK2GVrrLHO9ytd5Uutl86HnymU6V78MsMpzYOXcF8tPhdDiuMzVdTURU7MtRhMFNnSdi3RqyKqK1GXvr3azppbSXL\\AA8\\E75WYSfunwXH8O7Jz6TY3FU1mkbnImG4Wymc2Jmq0atXe1uxET811lmU35su6Z6eXL6eHTH5r5o1jEmLUuM4XpnhtdXYcyZ9ZPUwsXjsPlVVzO8iXvq3a9SoMct95nOhqYTCzLSu17f3dcz8Us0nEI\\icy5M9s2Xde2q9jjXrm+3V6s4IsZdjegWGzSuV1RA1aaVV2qrNSL7W5V9p79LLmxj4vE4cmpZHMjo84AAAAPLHD99JVX6tB1VLErrkCOo5pfYBFCBdi3AWGgZgAAAAAAAAAAAAAAAAAAAAr1OxoEAGMvNSeivyA9waP8AeLDvVo+ohFXwAAAAAAACgeYuHHSNca0wfRwvvR4aiwNtsWT66+\\V7Dw6+XNlt4fY4PS5NPe967T4C9GuwuiiV9RHasxK0q3TW2P6if4+076GHLjv5eLjNXnz5Z2jso7vIAAAAAAAAAAAAAAAAAAAAAAAAAAq2A8w8Muma6S46tHRyXwqhcrY7Lqlk2Of5tyeTXvPDranNdp2fZ4XQ9PHe9655wE6DpRUjNIsUi\\2udv+yMcnNxr9fzu3eTznXQ09vxV5eM1+a+nj2+XcR6XgAAAAAAAAAAAAAAAAAAAAAAAHnX9o2dX6YYfCvcx0KOT\\ALnuv1UPHxHuj63AT8Fv3dUtVWuRyWui31pdPced7a5djGn+LYhgkeEUsVJhdAjEbLFQxcXxy71d0IvQh1urbNuzz4cNjjlz3rfu4giq1UVqqiprRU3HN6HKsS09x\\E9G+wuIVTainzIvGvYiyq1Pqq7emzy6tpu6uVnLXDHh8Mc+eRXotJ30GhtbgdHTJDLWzI+pq2vXNJGic3bcnm8vSSZ7Y8sW6XNqTO3szxHSyasptGrQcXW4KxGNqkeuaVEcjmp5EREt7y3Pfb7GOjJcvGTY4fp46n00xLHJsNjdT4jE+Kqoo5FRsiOaibVvvS66uks1fxXLZjLh99OYS9vlwp6tV7lY1WsVVytveybkvvOb0x6A\\Zunc\\R7FoFXtY6tHInpMT9D18PelfL4+fildwHoeAAAAAHljh++kqr9Wg6qliV1yBHUc0vsAihAuxbgLDQMwAAAAAAAAAAAAAAAAAAAAV6nY0CADGXmpPRX5Ae4NH+8WHerR9RCKvgAAAAAAAaPTfGm6PaK4jiaqmeCJeLRd711NT3qhjPLlxtdNLD1M5i8s6FYNJpPpdQ0Eiuek82ed\\9hO2evt1+88OGPPls+1q5+nhcnsCJjY42MjajWNRGtamxETYh9F8FkAAAAAAAAAAAAAAAAAAAAAAAAAAHW\\Dfpb2A0b5DRyZcRxBFjaqLrjj+s7\\BPP5DjrZ8s2ny9fCaPqZ817R05wTaIrpVpKxtQxVw2ktLUrud9lntVPcinm0sOfJ9Didb0sOnevVLGoxqNa1GtRLIiJZEQ974jIAAAAAAAAAAAAAAAAAAAAAAAA89\\tIUqs0kwqrsuWWkdHfytff\\ADnk4ifilfU4C\\hscA0J0dn0lx+komQ1LqVZWtqZoG3WFi37Zb6k2bzjhhzXZ6tbVmnja3GjOg3LtIKbD8Yr4cNlknyLRTI9tS9llVHNTKrdaJquu5TWOnvdrdnPU4jlxuWE3+\\w0mO4NR4dTvmpcewzEEz2bDTrJxmXXrXMxE85nLGTtXXDO5Xa42NxjWg1ThWizcQlbUTVvKWsVkMaujSJ0LZEde179tZV2X1GstOzHdyw4iZZ8vx\\+reOcGWO0jqJmG4ZW1bnU7H1L7xoxsy7WM1otk1Jr3ly0cp2iYcVhd+a7ON4Lg0FbiNVh+JYhHhdaxFZFyhv8N0qLZWPei9psXXrS5jHHe7W7O2edkmWM3jcaH6D1+L1rlrcPrkoFpZpY54mLle9rbss61lRVT2msNO29Y5avEY4zperjWJ4RiOErE3FKGopHSoqsSZitzW22v50MXG493fHPHP23d33+znSLFonX1SpZJ6tUTyo1qJ\\ierh5+G18zj8t85HbJ6HhAAAAB5Y4fvpKq\\VoOqpYldcgR1HNL7AIoQLsW4Cw0DMAAAAAAAAAAAAAAAAAAAAFep2NAgAxl5qT0V+QHuDR\\vFh3q0fUQir4AAAAAAAHSv7R+MLHR4Xg0brcc5amVP7LdTfzVfcebiMu0fQ4DDrc1f9nDBbrimNSM6KWFVT\\uf\\lQnD498muPz7YO8kPU+aAAAAAAAAAAAAAAAAAAAAAAAAADGV7Y43Pe5Gsal1VdiJ0g7vIvCDpDJpVpbV1zczoFdxNMzojRbNt5V2+0+dqZc+W77ujp+lhMXo\\gw0YbotopTUr2olbMnHVLul6ps9iWT2Ht0sOTHZ8niNX1c7fhy06OAAAAAAAAAAAAAAAAAAAAAAAAAdbcPGAuxbQ1ayBuafDX8fZNvFqln\\lZfYcNfHfHfw9fB6nLqbX5dXcBsESaWNrqqq4qGBzImwpJZZpZFVrEy70TtlvuscdCfi3e3jL+Dlkcp0XxClfo3ilRhk9fDC\\FGIvH1U6Pa7iO2aj42vc5t0W10RPch0xs2tjhq43mky27fbz93HeGOV01LorI6RZVWnl7Z8kj7\\wARNrpGtcvtRDGt8OvCTa5OSV+J1q6NNqWYw2qxabF8lNFhcmanZKsLUZC5XrlWNNSqiXRb9Nzdt5d9+u7jjhjz7bdNvnv37\\3faKRI8QwmmdKlVx2IU9Ek660qFikdUVUydLeNVG3\\ALIl6yf9+5ZvLftb\\v0k\\wBnAtCausr8VxmjclHJh9RHUVlYlXBxkbciOVH6u2RUVUtZTjhbbY9WtjMccb89JHOsDlw5J9HG1NXXx1f7sSqkcSN4tY7Pu7Wt8222q2w7Y7bzfw8ucy2y2nTmcH025NPoloWmFS1dVA9tY2N1Sica9ePallsqpt1JrOOe3Ljs9WjvM8+bp2\\4eitAsE\\d7RHDcNVE42KJFlVN8ju2d+aqezTx5cZHytbP1M7k35tyAAAAB5Y4fvpKq\\VoOqpYldcgR1HNL7AIoQLsW4Cw0DMAAAAAAAAAAAAAAAAAAAAFep2NAgAxl5qT0V+QHuDR\\vFh3q0fUQir4AAAAAAC7APKnDLivZThBxJUdeKltTM8mRNf\\mVx4Na7519rhMOXSn3d\\wDBXhKYPoHhNO5uWWSLj5PSf23+KJ7D16WPLhI+ZxOfPqWuWHRwAAAAAAAAAAAAAAAAAAAAAAAAAB15w4aQLguhctPA\\LVYi7kzFTajbXevu1e0462W2Oz1cJp8+pve0dQ8CWjqY5pnFPOzNSYciVD0XYrr2Ynv1+w8+jjzZf2e\\i9Tk09p3r1Ch7nxgAAAAAAAAAAAAAAAAAAAAAAAAAYzRtlifHI1HMeitc1Uuiou1FFN9urzPpXo\\Jwb6fUGJR076jCG1CVFNZbXRL3iVdypf2p7TxZY+lnv8Psaep9RpXH5a3AdOY8IwNcNjwZHNfOtTLNHiE8D5H2VEVcipZMqolk1ar7TOOpyzbZrPh+fLmt\\xFbS\\S9mkmH0dM\\CmU8lJdsU61ksz8qrdWrn23XeutBnnMpts1paPp23fv8AZrocdSPReHB30ccrI69a1XPcuV\\aI3IqJbVq23MzL8PK1dPfPn3+Nm3h0+qo8QmrVwzDnTti4mh7RUbQMsqWiRF8u\\frNerd99nO8NLNt79\\u0WF41LhuE4vRQwxquJRMhfMt87GI7MqJu7bVfzGZltLPLrlpzLKW\\Ddu4QcaipMOp8NfFRso6VKW7Y2SOkRFW6qrm3S97Zb2NerlJNnP6bC23LrvXZfBfh1dph2GxrSCmjSmwhZkpXo1Gcpke9HZsiIiIjLWS21de47aUue1vw8nEZY6O+GHz\\h3Mmw9L54AAAAAHljh++kqr9Wg6qliV1yBHUc0vsAihAuxbgLDQMwAAAAAAAAAAAAAAAAAAAAV6nY0CADGXmpPRX5Ae4NH+8WHerR9RCKvgAAAAAAiq5m09LNO\\uI2K9fMiXJbssm92eN6OOTH9JoY11yYhWIi3\\tv1\\M+dPxZf3fft5MP7R7KhjbFE2NiWaxEaieRNR9KPz\\AHZgAAAAAAAAAAAAAAAAAAAAAAAAAB5o4fMa7JaacijdeDDokismzO7tnL8k9h4tfLfLbw+vwWHLp7+XaHAPgaYXoTHVyNtPiL1nVd+TYxPcl\\ad9DHbHfy8fGanNqbeHY52eQAAAAAAAAAAAAAAAAAAAAAAAAAADX49g9Dj2FzYfikDZ6aVNbV2ou5UXcqdJnLGZTatYZ3C82Lzhp5wXYvo5JJUUDJMRwvakkbbyRp0PanzTV5jx56OWPbs+vo8VhqdL0rr1Dk9QAAIiq6yJdehAOTcG+GYdjOmeG0GMZ1pJnKmVq2zuRLtaq9C23G9OTLKSuPEZZYadyx7vW1NBFTU8cNPGyKGNqNYxiWa1E2IiHvnR8O2271KVAAAAAAPLHD99JVX6tB1VLErrkCOo5pfYBFCBdi3AWGgZgAAAAAAAAAAAAAAAAAAAAr1OxoEAGMvNSeivyA9waP94sO9Wj6iEVfAAAAAABxrhJrFoNA8dnaqo5KV7EVNyu7X\\E56l2xrtw+PNqYx534HKPlnCNg7VRFbE50y\\wDa1VT87Hk0ZvnH1eKy20q9Woe98QAAAAAAAAAAAAABhNLHDE+SV7Y42JdznLZETpVRuSb9HAse4WtFsKe6OOqlr5m6lbSMzJf0ls38zjlr4R6sOD1cvjZxafh4pUcvEYDUPbuV9S1q\\k1TH1M8O8\\0+\\OSzQ8OmFSPRK3Ca6Bq\\Wje2S3yLOInzGcuAynaueaNabaP6RqjMLxGJ86pzEn8OT4V1r7DrjqY5dq82poZ6fujklzbiAAAACKrnZTUs08q2jiYr3L0IiXUluyyb3Z43kdPpJpMrta1GJVftu9\\+CL+R873X+778208P7R7Gw+ljoqGnpYEyxQRtjYnkalk+R9GTabPgZXmu9TlQAAAAAAAAAAAAAAAAAAAAAAAAAAAAUDi+kGgWjePPdJX4XBx67Zof4T1XpVW7fbc55aWOXeO2HEamHauI1PAfo\\I5VgrcThToSRjre9pzvD4u847U+ZElHwJ6NwuRaifEam250qNT\\yohZw+MLx2pe2zmOF6G4BhVFNTYfhdNCyaN0b3o3M9zVSyorlup0mnjJtI8+Wtnld7XlOVs+jek7moqtqMNq9S+Vj9XyPB1xy\\s+3NtTD+8exqCpZW0UFTEt45o2yN8ypdPmfRl3m74Fm12TlQAAAAADyxw\\fSVV+rQdVSxK65AjqOaX2ARQgXYtwFhoGYAAAAAAAAAAAAAAAAAAAAK9TsaBABjLzUnor8gPcGj\\eLDvVo+ohFXwAAAAAAdecO9TxHB5Vx3ss8scf\\AJr\\AOBx1\\Y9XBzfVjrD9nmnSXTmeVU5mjeqeRVc1P1OHDz8T2cdf\\Ht93pI9r5IAAAAAAAAAAAAHHtNtLMO0RwlazEHK6R12wwMXt5XdCeTpXcYzzmE3rro6OWrlti8zaaab4xpZUudiE6x0aLeOkiVUjb5\\tL5V\\I8Wepln3fY0tDDSnTu0FZRVdDIxlbTT0z3NR7WzRqxVb0oi7jFlnd1xymXaq4Vaw\\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\\aNkVuiNCxNj61L+xjlPPxHte7gfff7OKfs2tvpJjD+ikanvf\\Ixw\\eu3H+yf3egz1vlgAAAAAAAAAAAqYviFPhOGVNfWvSOmp41ke7yJ\\iS3ab1rHG5WYx5G000lq9KsenxGsVWtd2sMV9UUe5qfNelT5+edzu9fc0tKaWPLGhd3K+Yw6u5+FLQ3SDSDFcLqsIw6Spp24dFGr0kYlna1trVOk9Wrp5ZWWPncNrYaeNmV+XWOkWjWL6OPp241ROpXTo5Y0c9rsyNtfYq9Ke88+WFx7vbp6uGp7a57oPi8WD4LTU+iuEVGN1tU9rsZe6lc5Ior24pqJ7VRd\\tsnbDLln4Zv5eXWwueVupdpOzkj3YlDVYnjWH6INe\\DpVZhbW0Dqd68YiJnfHtflTVdFS2vp1b69cpj27OP4bJhc+\\fru0+mWktbR4RQ1b9EqGmqKmNWVy1mFPbkmW+tkiql761trVOlTOedk32\\w6aWljllZzf22qPgT0+jwhz8ExyqZHhyo6SnmldZIXJrVir0LtTy+cmjqbfhq8Xw\\P+PGdXKtJOGzCKNXRYJSy4jImrjHfwovz1r7jplxEntcdPgc71yuzrbHOFnSrE1ckVZHh8S\\VpWZVT\\uW6nHLWzr14cHpY\\G7iivxnHplu7EMSkd5Xy3+aHP8WX3d\\wYeI21HweaWVSIsWA1bUXwiJH1lQ1NLO\\DneJ0p3ybRnBJpi5EXsbE2\\2qln6mvRz8MfWaXl8k4JtMWNVexkb7bm1LF\\xHo5+FnGaXlqa3QDSmkaqz4BWqibVjYknVVTN0858NziNO9smtgr8awGe0NTiGHSN1Zc747exdRnfLFu44Z95K5jgfDBpRhqtbVywYjCm6oZZ1vSbb87nSa+UefPg9PLt0dmaNcMuA4krYsVZLhc66s0nbxL\\3Js9qHfHXxvfo8epwWePt6uyqSqgrIGT0k0c8L0u2SNyOavmVDtvv2eSyy7VMVAAAAAAAAAAAAAAAAAAAAAAAAAAAAHQ37SlHlrsDrUTu45IVXzKip1lPJxM6yvp8Bl0yjffs41ay6LYjSqvMVeZPM5qfopvh7+Gxy4+bZy\\Z22eh4QAAAAAPLHD99JVX6tB1VLErrkCOo5pfYBFCBdi3AWGgZgAAAAAAAAAAAAAAAAAAAAr1OxoEAGMvNSeivyA9waP94sO9Wj6iEVfAAAAAAB1J+0e2+i2GruSt\\wAjjz8R7Y93Ae+\\2cZ\\ZsX\\AOP40m\\ksa\\+dTHDd67cf7Y9AnrfLAAAAAAAAAAAB05+0ZjjqfCsPwWF1lq3rNMib2M2J7XLf2Hm4jLps9\\A6e+Vzvw6BPK+o+O7lQOy+G2eaLH8JbFNKxvYyFbMerU39CnbWvWPFwclxv8Ad1xJLJKqcbJJJbZnerre84vbJI7I0Lw+NcGhqsOwbTN8krcs0+G1TY4pHNWy21Xsi32nbCdN5K8etl+LbK4\\u5dDPiEOEVWHpo\\p89s8jZFmdVtWVmXc125F3odN7tttXnsxuXNzYqOl2AQQRrHiGHacYjRRwNqXyOrGujjXKqqi3Ta3XcmePnet6Wpb1xuMv9nSiHmfRdn6B8EtXpHh1NildXxUtBO3PG2JOMkcnyb+Z2w0blN68Wtxk07cZN67bwHgv0WwdrVTDm1kzdfG1a8Yt\\N3Ke49GOjjPh4c+K1c\\nZzKnp4aeNI4Io4mJsaxqNRPYh0k2cLbe6UqAAABBV0dNWRrHV08M8a7WysRyfmSyXusys7ODY\\wTaL4q1zoKR2Hzr9ekdlT2tW7fkcstHGvThxepj3u7qzSngbx3CkfNhL2YrTp9ViZJkT0V1L7F9hwy0Mp26vbp8bhl0y6OHYFpBjmiWIP7HVM9HK138WnkRcqr0OYv8A9znjllhejvnp4as\\FN3eOgvC9huMujo8cazDa91mpIrv4Mi+RV7lfIvvPVhrzLpej52tweWHXDrHaTVRURUW6Lrud3ifQAAAAAAAAAAAAAAAAAAAAAAAAAA6i\\aQp8+jOFzp\\wAKsy+xzF\\RDz8R2j3cBfx2fZov2barJX4xS35xrJPhun+Jjh71sdePx6Su+j1vmAAAAAAeWOH76Sqv1aDqqWJXXIEdRzS+wCKEC7FuAsNAzAAAAAAAAAAAAAAAAAAAABXqdjQIAMZeak9FfkB7g0f7xYd6tH1EIq+AAAAAADrH9oOnWbQZkqJzNUxy+1FT\\E4cR7Xs4K7amzgn7OMqM0uxGPwlFf3PT9Tlw9\\FXp4+fgn93ok9j5QAAAAAAAAAAAPMvD9VOqOEGSJV1U9NFGidF7u\\zHh17+N9jgptpbuAYc6lZX0zsRjlkokkRZmROyvczejV3Kcptv1enLfa8vdzLlnBx\\yjSL+9N\\1HXfT8Vw5eI8xuNJtLdBtI6uCoxLCcdWSGFsDOLnYxMrdn1tus1lnhl1srnp6OtpzbGxxnG6nQqTC524LhuNQ4gtuKkqKhro01pe6IuvVc55XDbpHbCa0v4rNnGaapmppo5IZHNdG5HtRdbbot9abF8xjeu1kvSuUYjilBpfpWlRW1DdHop4k4+dueViyo3W7KiplR3k9vSdLlM8t70cccMtHDafiYcI+K0eJaSZ8Jq5aiiipYaZJVRzEkVjbKtlJqZS5dDh8Ljh+KdXFDDu9M8ANU6o4PYo3Lfk9TLEnkS6O\\zHt0Lvg+Pxs21XZB2eQAAAAAAAAWA47pbobg2lNOrMVpGrMiWZUR9rKzzO3+ZboYz08c+7rpa2elfw1560+4NcV0UV9THeuwq\\8AvEbdbE\\+o3d59nmPHqaVw6\\D6uhxWOr07Vc4OeE+v0akiosTWStwfZlVbyQJ0sVdqf2V9li6etcel7M6\\C46nXHpXo\\CMTo8Xw+Guw2oZUUsqXY9i\\l5F8h7ZlLN4+TlhcLtkuFZAAAAAAAAAAAAAAAAAAAAAAAADrD9oZt9A43fZrYvk44cR7Xs4H8z9nX37PMit03nj3Oo3r7nNOPD+56+O\\L\\AHekD2vkAAAAAAeWOH76Sqv1aDqqWJXXIEdRzS+wCKEC7FuAsNAzAAAAAAAAAAAAAAAAAAAABXqdjQIAMZeak9FfkB7g0f7xYd6tH1EIq+AAAAAADhfDFS8r4OcZaiXdHG2VP+1yL8rnLWm+Fejhbtqx0pwEVKU\\CLSsV1kngli865cydU82h0zfQ4yb6Ven0Pc+OAAAAAAAAAABQPMfD3Tug4RJ5HJZJ6eJ6eWyZf8AKeHXn432OCu+k4fgWB1WMSP4lOLgY2RXTvaqsRWRukyqqb1Ri2MY43J3z1Jh3bvB+D\\FcTZHlmpKaoeiqtPUK9kjLa9fa22JfbsNTStc8+KxxafSHAJ8DdAk1RT1CSotnQZlRLblzNQzlhcXTT1ZqdokwjRmvxCswWJ7OT0+LSrFTVDu2aqotl2LuXcusY4W2fdM9XHGZXwqvwWtSDEqiKJZaTD5uJnnSyNRyuVqbda3VNm0nLet8Nc83k+alwDAazGplSBOKgRsirUPY5Y0VkbpFbdPrK1q6hjjcjPUmHdnh2jWI1kdRI5jKSOn4hZHVSrHZJnIjF1prve\\mRSzC1MtXHH79\\8ADX4pQzYZiVXQ1Tcs9NK6J6J0tW3u3mbNrtWscplJlPl6N\\Z9p3Q8H7ZHJqnq5ZE82pv+VT2cP7HyuNu+r+zso7vGAAAAAAAAAAGL2NexzXojmuSyoqXRU6AOj+FHgnRrZcW0Vhta7pqFqe90f+n3dB5dXR+cX0uH4v8Al1P93XvB9ptX6G4nnizTUEjk5RSqup3lb0OT+SnHT1LhXq19DHWn3epcCxejxzC4MQw2ZJqaZt2uTanSipuVN6HuxymU3j4ueFwvLkvmmQAAAAAAAAAAAAAAAAAAAAAAB1h+0M62gkTV+tWxfJxw4j2vZwP5n7Ov\\wBniNXaa1Em5tG9Pe5v6HHh\\c9XHX\\x\\u9HntfJAAAAAA8scP30lVfq0HVUsSuuQI6jml9gEUIF2LcBYaBmAAAAAAAAAAAAAAAAAAAACvU7GgQAYy81J6K\\ID3Bo\\3iw71aPqIRV8AAAAAAGu0jokxHR\\EqJUvyimkit52qhnKbyxrDLlyleTdAq1cL01wWpk7VI6pjZL7kVcq\\NTwYXbKV9zWx5tOx7DQ+i+CAAAAAAAAAAADpT9pDBXSU2GY1E26RKtLMqbkdravvuntPNxGPSZPo8Bn1uDjPAhGtTNi8KtqFjiiWoVWyMZGrsjo2o7M1e27d1lvZLLdFMaHXd14y7bVy7AazFXTzJVV7G1Mbqj\\YpZ2Nlib26rnc2yXRVVVs21kSx0xt+Xnzxx+J46uCcJFbNKzC6arxWGtw7jOMc2BUWSN1ka5U1rqVvSu05at7b3o9PD4yb2TauScFtPhVfNBDQVuLsw6groqtEq4YkYtQvatY1yXciqm1E6Lqb0tr2cuJuePXKTez\\DVabswKghp8LqqvGJMNkllroH00EKMle9yo5VW93Oat269aGc+WdL2b0bqZW5STfsz4FWMqocap3MqlpoopJ5HcbGyJVWJ0bUW7VVHZXP13sltaDR67w4vpcavY03CK7DccosVmxqmqaNzMRxFzY43ucqI2KONHJZqoiKjm2REW9zV2ssu7GHPjccsduvSf8uNcLiUEmkNLDQtqpcVSCJlTLI1ESoVWNVjrJ9dUWy+Y5622\\Tu7cLzclt7PRGhWEdgdFcLw1e7p4Go\\yvXW5feqnswx5cZHy9XPnzuTdmnMAAAAAAAAAAAADpbhn4OEqGT6QYDDaoamerpo284m+RqJ9bpTft27fNraX82L6HCcTt\\483X3BZpxNoji6NqHOfhFS5EqI015F3SNTpTf0p7DjpanJfs9XE6Hq49O8epqaaOpgjmge2SKRqPY9q3RyLrRUPdOr41m3SpCoAAAAAAAAAAAAAAAAAAAAAAdQftIz5NHMJgRedq1cvmaxf8AFUPPxF6R7uAn4rfs0\\7NlJnqsZq1Tm0jjRfPdf8AAzw87104+9JHe56nzQAAAAAPLHD99JVX6tB1VLErrkCOo5pfYBFCBdi3AWGgZgAAAAAAAAAAAAAAAAAAAAr1OxoEAGMvNSeivyA9waP94sO9Wj6iEVfAAAAAAAXYB4805w92DaZ4vSMTKsNU50fmVczV\\ND52c5crH3tHLn05XrDRjEW4to9h2IMW6VNOyRfOqJf87nvxu8lfE1MeTK4tmaYAAAAAAAAAADXaRYRT47gtZhlal4KmNWOVNrV3OTyotl9hnLGZTat6edwymUeaqOrrtCMYqsAxn+DTRrUSK6OPXM99O+ON197e2unRdTxy3C8tfWyxmtjz49+n\\LY4Hp\\HhOjmGUaVtessdFxcjYlWzJeVcYqqqql1WO6XS+2xcdXaSbs58Pc87dvn\\01Wn2ktFjrMKalXWV\\E1FTPKsrVjcyOWRHNiRVVdbWpa+zZYmpnMtm9DSyw36bdv8AHymodMaNNJ8AZBT9i9GsNqmzNgbd7lX60sipre9fy3Cak5p8SJloXky365VraPSqKnTE6DEKCLFsInnmnghmcrFhkc5VR7HJrbe6XTeZme28s3jd0bdssbtXzRDSl+FIlHVvVuGI2pkVkTNbpZIHRtzdKJffsuowz26Xsaujzfinfp\\ymgxjBIdHKPB2uxDLWPZNi9WjGrKuRFyRxoq2VqLr1r+hebGTl\\3S4Z3K59OnZz\\g\\wAGbppwgVWlslPLHhFNI1KVs1rySMajW7NXa2uvlsnSdcMefPn+Hl1s\\R0ppfLvI9T5wAAAAAAAAAAAAAAqXA84cNug6YDiPZnDI7YbVvtIxqaoZV\\yu3eXV0Hi1tPlu87PrcJr885Mu8b7gC0yVf8A8WcRkvZFfROcvtdH\\intN6Gp\\LXLjdH\\AP6Y\\u7xTYep84AAAAAAAAAAAAAAAAAAAAAA6E\\aTrM+KYLRIvNwyTKnpORE6qnk4i9ZH0+Ax6ZVyP8AZyo1i0Srqpf\\AJirVE8zWonzVTfDz8Nrlx2W+cjtg9DwgAAAAAeWOH76Sqv1aDqqWJXXIEdRzS+wCKEC7FuAsNAzAAAAAAAAAAAAAAAAAAAABXqdjQIAMZeak9FfkB7g0f7xYd6tH1EIq+AAAAAAAB53\\aKwlaXSeixNjbR1kGR6\\wBtmrqqnuPHxGO2W76vA574XHw5v+z5jHLtDpMPe68mHzKxEX7Du2T88x14fLfHZ5uOw5dTm8u0Tu8YAAAAAAAAAAAOIcImg9DplhqMlVIMQhReT1KJdW\\2XdLV6N21Dnqaczjvoa+Wjfs8yaTaOYpo1iC0mL0zoX\\UkTWyROlrt\\zPDlhcL1fY09XHUm+Nagy6BQAEHYnBzwZYhpNNFWYk2Siwe+ZXuSz5k6GJ0f2vdc7aejcut7PJxHFY6fTHrXpPDaCmw2ggo6CFkFNC1GRxsSyNRD2ySTaPkZZXK71aKgAAAAAAAAAAAAAABRxvC6bGcJqsPr2Z6aoYrHpvTyp5UXWnmJlJZtWsMrhlMo8jYzh9fojpTLTK90dbQTI+OVNV7a2PTyKlvzPnWXDLZ93DLHVw3+K9V6FY\\FpNo1RYnDZFlZaRifUkTU5Pee\\DLmx3fE1dO6edxreG3MAAAAAAAAAAAAAAAAAAAAoHlnhsxFMQ4Q8QRrrx0rWU6eRWpd35qp4Na7519rhMeXSn3d7cEeH9jeD3B4nNyySRce9PK9Vd8lQ9elNsI+ZxWXNq2uYHRwAAAAAA8scP30lVfq0HVUsSuuQI6jml9gEUIF2LcBYaBmAAAAAAAAAAAAAAAAAAAACvU7GgQAYy81J6K\\ID3Bo\\3iw71aPqIRV8AAAAAAADgHDdgfZjQWqliZmqKFyVTLJrsmp6fCqr7DjrY74vVwmpyaknl0\\wG46mD6bxU8r7U+Is5O6+xH7WL79XtPPo5bZdfl7uM0+fT38PT6bD3PjgAAAAAAAAAAAAeZOHTSBcY0xfRRPvSYanEtRF1LIut6++yew8Ovlvlt4fY4PT5NPe\\LdaIcD0eO6JUmI1eIVFFW1KLIxqRo9iRr3N01LdU17d5vDQ5sd3PV424Z3GTeR8qOAvFmvVKfGKB7emSN7V\\K4+nvknH4\\MWqDgJqXPRcQxuFjd6QQK5V9rlQTh781Mv9Qn8uLn2jHBdo1gMjJkpXV1U3WktWqPsvkbbKnuO2Ojji8upxepqdN9nOkRE2HV5gAAAAAAAAAAAAAAAAAKB01+0Ro4k+HUuP07P4tMqQVCom2NV7VV8y6v+483EYbzmfQ4HV2t078tH+zvpAtNi9XgUz\\4VW3j4UVdkjU7ZPa3qmeHy68rpx2nvjM58PQJ63ywAAAAAAAAAAAAAAAAAAAK+IVcdDQ1FXOtooI3SvXyNS6\\Ilu03XGc12jx1Cyo0k0nY3W6pxKr1+d79fuv+R86fiv9337tp4f2j2RSQMpqaKCJLRxMRjU6ERLJ8j6Mmz4Fu93SlQAAAAADyxw\\fSVV+rQdVSxK65AjqOaX2ARQgXYtwFhoGYAAAAAAAAAAAAAAAAAAAAK9TsaBABjLzUnor8gPcGj\\AHiw71aPqIRV8AAAAAAADCaNk0L45Wo6N6K1zV2Ki6lQEuzx\\pfg8+iultZQsVzHU0ySU79naXzMcn5e4+dnjyZbPvaWc1cJfL1LoRj0ekujFBicaoj5WWlan1ZE1OT3\\M92GXNN3xtbT9PO4t8bcgAAAAAAAAAA1ukuKMwXAcQxKVUy00LpLLvVE1J7VsZyy5Za3p48+Ux8vJOjmHTaTaV0VHI5XS1tReV2+yrmevuufPxnNls+5qZTTwt8PYlPEyCCOKFqMijajGNTYiIlkQ+jHwbd+qQqAAAAAAAAAAAAAAAAAAAAAAFDHsNhxjBq3DqlqLFUxOiW+66al9i2UzlOabNYZXDKZT4eQ8KqqnRjSmnqHIrajDqrt06crrOT2pf3nz5eTL+z7uUmpht5ex6aZlTTxTxLmjkaj2r0oqXQ+lvu+DZtdkgQAAAAAAAAAAAAAAAAAAHWvD1jnYvQt1FG+1RiL0hRE28Wmt6\\JPacNfLbHby9fBafNqb+HWnAFgq4jpmtfIy8OHRLJdU1cY7tW\\lmX2HHQx3y38PZxufLp8vl6VQ9r5AAAAAAADyxw\\fSVV+rQdVSxK65AjqOaX2ARQgXYtwFhoGYAAAAAAAAAAAAAAAAAAAAK9TsaBABjLzUnor8gPcGj\\eLDvVo+ohFXwAAAAAAACgdPftCaMrV4XT4\\SsvNR\\wqiya1iVdTv8AtX8lPNxGG85nv4HV2y5L8uL8AOlPY3G5cDq32pq9c0N9jZkTZ\\3J+aIY0M9ry1243S5seefD0Tc9j5QAAAAAAAAAAdY\\tBYlyPQhtIx1n1tQyNUvta3tl+SHDiLtjs9nBY76m\\hwP9nXC0qtKa3EHtu2jp8rV\\tvW3yR3vOXD475bvTx2e2Ex8vRSHsfKAAAAAAAAAAAAAAAAAAAAAAABQPLfDfhaYbwg1rmNtHWMZUp51SzvzRTw602zfZ4TPm0p9nePA\\ia4pwe4U97ldJCxaZ913sWyflY9Old8I+dxWPLq1zM6vOAAAAAAAAAAAAAAAAAADy1w0aRJj2mk7IX5qOgTk0aoupVRe3d79XsPDrZc2T7XCafp6fXvXcvAlo+uB6FQSzMy1VevKZL7Uaqdonw2X2no0ceXH+75\\F6nPqbT4dgHZ5QAAAAAAHljh++kqr9Wg6qliV1yBHUc0vsAihAuxbgLDQMwAAAAAAAAAAAAAAAAAAAAV6nY0CADGXmpPRX5Ae4NH+8WHerR9RCKvgAAAAAAAAIK6lhraSalqmJJBMxY3sXYrVSyoSzfostl3jyNpjgNVohpVPQ53tWF6S00yalcy92OTypb3ofPzxuGWz7ulqTVw3eleDXSuPS3RqGrVWpWxfwqqNPqvTf5lTWn8j26efPN3yOI0vSz2+HKzo4AAAAAAAAADoT9pSsz4lgtEi3SOKSZU8qqiJ8lPJxN6yPp8Bj0yrkP7OVFxWiuIVaprqKtW36UY1E+aqb4efhtcuPy3zkdtHoeEAAAAAAAAAAAAAAAAAAAAAAAAOi\\2laJEnwOuRNbmywKvms5P8Ty8TO1fS4DL3Ytp+zfWLJo\\itGruZqkkRPI5qf6S8PeljHH47ZSu4D0vAAAAAAAAAAAAAAAAAAHDeFbShui+ilRNE9Er6m8FMm\\Mqa3f9qa\\cc9XPlxejhtL1M9vh544N9HH6U6W0lE9rnUzF46pd\\8ATauu6+VbJ7Tx6eHPls+rxGr6WFr1wxqMajWoiNRLIibEQ+g+E+gAAAAAAAeWOH76Sqv1aDqqWJXXIEdRzS+wCKEC7FuAsNAzAAAAAAAAAAAAAAAAAAAABXqdjQIAMZeak9FfkB7g0f7xYd6tH1EIq+AAAAAAAAAAdf8ADDob+9Gj\\H0caLitEivhttkb9aP27U8vnOOtp886d3q4XX9LLa9q6I4OtLJ9D9I2VSo91HJ\\CqoU2uZfbb7Tdqe1N55dPO4Xd9PX0Zq4bfL1hQ1cFdSQ1VJK2WnmYj43tW6OauxT3y79Y+HZcbtU5UAAAAAAAAPMvD7ULNwgyxKuqCnjantS\\wDieHXv432OCm2lu7b4DIUi4OMPcn\\FfK9fjVP8D0aHsjw8Zd9WufnZ5QAAAAAAAAAAAAAAAAAAAAAAAA6m\\aNgR+iVBMqa46xERfOxyHn4ifhj3cBfx2fZxf8AZvqlbj2KUl9UlOktvM5E\\wATHDXrY7cfPwyvQJ63ywAAAAAAAAAAAAAAABhNIyKJ0kjkYxiK5znLZERNqqCdXlHhS0sdpZpNJPE5ex1PeKlb0tvrf53Lr81j5+rnz5Pt8Po+lhte7u\\gX0SXRvRpKmrjy4jX2llRU1sZ9VnuW6+VT1aOHLN6+dxet6me07R2EdnlAAAAAAAAPLHD99JVX6tB1VLErrkCOo5pfYBFCBdi3AWGgZgAAAAAAAAAAAAAAAAAAAAr1OxoEAGMvNSeivyA9waP94sO9Wj6iEVfAAAAAAAAAAAHn\\hz0FWgqZNIsKi\\2SZ3+1xtTm3r9fzLv6F855NfT2\\FH1OD4jmnp5d1XgW0\\TBaluB4vLbDZn\\wJXrqgeu5ehq\\kvnUmjqcv4b2Xi+H55z493olF1XPY+U+gAAAAAAAeXOHNF\\pLxG\\g4bfhtPDr++vs8H+VHdnAsqLwZ4Lb7Mn\\qOPTo+yPncX+dXNzq84AAAAAAAAAAAAAAAAAAAAAAAAdX\\tEW\\cSHp5dF8nHDiPY9nA\\mfs4D+zoi\\vrWLu5C\\rsOXD+56uO\\Ln93o49j5IAAAAAAAAAAAAAAAUDpPh304SKJ+jWFy\\xHp\\tsjV7lu6Pzrv8mreeXX1P5Y+jwehv\\5Mv2cU4FNDF0gxrspXR3wuhei2cmqWXajfKibV9iGNHT5rvezvxev6ePLO9el0Pa+OAAAAAAAAAPLHD99JVX6tB1VLErrkCOo5pfYBFCBdi3AWGgZgAAAAAAAAAAAAAAAAAAAAr1OxoEAGMvNSeivyA9waP94sO9Wj6iEVfAAAAAAAAAAAEVTBFU08sFRG2SGRqsexyXRyLtRUJZusu13jy\\wqaBTaJYlx9I10mDVDv4Mm3il8G7\\Bd6eU8Orp8l6dn2eG4ias2vdzPgc4Ska2DANIZrIlmUlU9fdG9fkvs6Dro6v8uTzcVwv8+DvJD1PnAAAAAAAPNP7QNKsOnvHqmqopmOT2dqeLXn4n1+Cu+ns7U4CJ0m4OaJqf8KWWP\\zqv+J30PY8XGTbVrsI7PKAAAAAAAAAAAAAAAAAAAAAAAAHUf7SFQjNF8Ng3y1mb4WL+p5+Iv4Y93AT8dv2ce\\ZupM+LYtWW1RxNiv6S3\\wMcPOtrrx9\\DI79PW+YAAAAAAAAAAAAAAAdfcLGnsWimHcloXNkxmob\\CbtSFvhHf4JvXyHHV1OSbTu9XDcPdW73s8\\6I6PYhpjpE2kgc9z5HLLU1D9fFtv2z1XevR0qeTDG53Z9TV1MdHDevWOA4RSYHhFNh2HR8XTQNytTevSq9KqutT344zGbR8PPO55XKtgaZAAAAAAAAAHljh++kqr9Wg6qliV1yBHUc0vsAihAuxbgLDQMwAAAAAAAAAAAAAAAAAAAAV6nY0CADGXmpPRX5Ae4NH+8WHerR9RCKvgAAAAAAAAAAABUxbDqXFcPnocQhZPSzNyvjcmpU\\Xykslm1axyuF5o8v8JWgVXofXLJHnqMImdaGotrav2H9C+XeeHU07hfs+zw\\ETVn3cx4KuFVaRIMH0nlVYEsyCtet1Z0Nk8n9rdvOmlrbdMnn4nhN\\x6bvhj2yMa5jkc1yXRUW6KnSet8xkAAAAAHRX7StFafA65E1K2WBV9zk\\xPLxM7V9LgMvdi2v7N9akmj+K0SrrgqUkRL7nt\\VqmuHvSxjj8fxSu4D0PAAAAAAAAAAAAAAAAAAAAAAAAAHQv7SddmxLBaBFT+HFJO5PSVGp1VPJxF6yPp8Bj0uTkH7OVEsWitfWKluUVeVPKjGonzVTfDz8O7lx+W+cjto9DwgAAAAAAAAAAAAFA4LwmcIFJojRLDBkqMYlb\\CgvqYn239CeTecdTVmE+708Pw91bvezzlRUmL6Z6ScXHxlZiVW\\M97l1Im9zl3NT+SHkkud+761uGjh4keotAtEqPRDBW0dNaSofZ9RUKlllf\\gibkPdp4TCbPja2tdXLeuSm3EAAAAAAAAAAPLHD99JVX6tB1VLErrkCOo5pfYBFCBdi3AWGgZgAAAAAAAAAAAAAAAAAAAAr1OxoEAGMvNSeivyA9waP94sO9Wj6iEVfAAAAAAAAAAAAABWxGipsRopqSugZPTTNySRvS6OQlkvSrjlcbvHnDhM4MavRp8tfhLZKrB1W6\\WfT+R3S3+17zxamlces7PrcPxU1Pw5dKg4OOEyv0WdHR1yPrcHvbi79vCnSxV3f2V1dFhp6tw6Xs1r8Ljq9Z0r0bo\\jmHY\\hzK3CaqOogdtVq62r0OTai+RT2Y5TKbx8nPTy07tlGyNMAAAB1zw9YYtfoDPOxt30UzJ\\8At7l35Ov7DjrzfF6+Dy5dTby6y\\Z9xVKHTSWietmV9OrE9NnbJ+WY4aGW2Wz2cbhzae\\h6TQ9r5AAAAAAAAAAAAAAAAAAAAAAAALsA8pcMWKpivCBicjXXhplSmYvoJr\\APNc8Gtd832+Fw5dOfd6C4LcLXCNAsHp3Nyyuh45\\pPXN\\ievSx2xkfL4nPn1LXKzo4AAAAAAAAAAAAAdWcJnCpS4EkuHYC6OqxXW18ndR06+X7TvJu39B59TWmPTHu9vD8Jc\\xZ9I6MwfCsY0yx90VMklXXTu4yaaRVs3pe925P\\sh5pLnX0ss8NHHr0j05oBoXQaH4ZxNMiTVkqItRUuTtpF6E6GpuQ9unpzCPja+vlq3e9nKjo4gAAAAAAAAAAA8scP30lVfq0HVUsSuuQI6jml9gEUIF2LcBYaBmAAAAAAAAAAAAAAAAAAAACvU7GgQAYy81J6K\\ID3Bo\\3iw71aPqIRV8AAAAAAAAAAAAAAD45qOaqORFRUsqLvA6d4ROB+GtWXENFUjp6le2fRqto3r\\YX6q+TZ5jzamhv1xe\\Q4y4\\h1P93TmHYjjmhuNPdTPqMPr4lyyRPbbN5HNXUqf+0PPLlhej6GWOGtj16x3joRww4ZiyR02PozDa1bJxt\\4D18\\1fbq8p6cNeXv0fN1uDyx64dY7TjkZIxr43NexyXRzVuip5FPQ8XZkAAp4vQR4phdXQzpeKpidE7zOSxLN5s1jlcbMo8gUk1VovpTHI5FbV4bVdsnSrHWVPal\\efOm+OX9n3bJq4favYeHVcNfQU9XTOR0E8bZWL0oqXQ+jLvN3wcpcbtVgqAAAAAAAAAAAAAAAAAAAAAAGn0uxmPANG8QxOVf93iVzU+0\\Y1PaqoZzy5Za6aWHqZzGPKWiWFy6SaW0FC9XPdVVCOmd\\ZvmevuueDCc2Wz7WplNPC5eHsONjY2NYxERrUsiJuQ+i+CyAAAAAAAAAAAGtx7HMNwGhdV4tVx00KbFeuty9DU2qvkQzllMZvW8NPLO7Yx0DwgcLVfjiSUOBJJQYct2ukvaaVPOncp5E1+U8mprXLpi+nocHjh1z61x7QLQHFNL6lr4mrTYa11pKuRuryoxPrL+XSYw07m663EY6U693pfRPRnDdF8MbRYVAjG7ZJHa3yu6XLv+SHtxwmM2j5Gpq5at3ybo25gAAAAAAAAAAAAeWOH76Sqv1aDqqWJXXIEdRzS+wCKEC7FuAsNAzAAAAAAAAAAAAAAAAAAAABXqdjQIAMZeak9FfkB7g0f7xYd6tH1EIq+AAAAAAAAAAAAAAAAAcf0s0RwfSmlSHFqVHvan8OdnayR+Z3+C6jGWEy7uunrZ6V3xrobTPgkxvA1kqMMauKUCa7xNtKxP7TN\\nQ8uehlj26vp6XGYZ9Mulcd0V01x7RWXJh1W5IGr21LOiuj82VdbV81jnjqZYdnXU0MNX3R3Hovw1YRXZIsdgkw2ddSyNvJEvtTWntQ9OGvL3eDU4HLHrh1dmYbidFilOk+HVcFVCv14Xo5PyO8svWPHljcbtlFy5WXnL9oDR5cO0lixeBlqfEG2eqJqSVqWX3pZfYp4tfHa7+X1uC1ObDlvw5l+z7pKldgM2CVD71FAuaJFXW6Fy\\4Lq9qHXh895yvPx2ly5c8+XbZ6HhAAAAAAAAAAAAAAAAAAAAAF2AdFftEaSo+Sk0epn9wqVFVZd\\1Gr+a+48vEZ\\yvpcDpd9Ssv2dNHVV1bpBUMsn+7U6qnte5PyT3jh8f5jjtTtpx3mep80AAAAAAAAAa7GscwzBKdZ8WrYKSPcsj7KvmTavsM5ZTHrW8NPLO7Yzd1Dpfw2tRH0+i1LmXZyupbZE8rWb\\b7jz58R+l7tLgfnUrqWabHNLsYTjHVeJ4hJqa3W5UTyJsanuQ89uWd8vdJhpY+I7e0D4GY4VjrNLHNlenbNoY3donpu3+ZNXlU9GnofOTwa3G79NP\\AHdz08EVNAyGnjZFExMrGMSzWp0IiHp2eC23rUhUAAAAAAAAAAAAAAeWOH76Sqv1aDqqWJXXIEdRzS+wCKEC7FuAsNAzAAAAAAAAAAAAAAAAAAAABXqdjQIAMZeak9FfkB7g0f7xYd6tH1EIq+AAAAAAAAAAAAAAAAAAAHFtK9BMA0mRzsQomtqlTVUw9pInnVNvtuc8tPHLu7afEZ6fauoNJuBTFqJXy4FVRYhCmtIpLRyp\\lX8jz5cPZ7Xv0+OxvTObOvJ6bG9F61Fljr8LqUXU7tolXzKmpTj+LG+Hqlw1Z06uW4JwvaU4cjW1E8GIxJuqY+2+Jtl99zpjr5xwz4PSy7dG20n4UcN0t0ZqMLxjCZqadyI+GaF6SIyRNi2Wy23L5FU1lrTPHaxjT4XLSz5sa6+0Sx6o0b0hpMUpbqsLu3ZfnGL3Tfan52OWGVxu71aunNTG4169wfEabFsMpq+hkSSmqGJIx3kXp8u4+hjZlN4+FljcLcauFZAAAAAAAAAAAAAAAAAAAA0ul+kFNozo\\VYnWKitibZjL2WR69y1POv+JnPLlm9dNLTuplMY8hYtiFRiuJVNfWyZ6mokWR7vKvR5E2ew+dbbd6+7jjMZMY7s0G4WdHMKwSiwuooKyhjp40YjmokrVXe5bWXWt12bz1Ya2Mmz52twmpllcpd3YeGafaL4kiclxujzL9WV\\FuT2OsdZqY3tXly4fUx74uQ09ZTVKXpp4pk6Y3o75G5d3KyzunKgAAgqKunpkvUTxRJ0yPRvzJvsslvZx\\E9PdF8NvyrG6LMn1Y38Yq+xtzN1MZ8uuPD6mXbFw3GOG\\A6ZFbhdHWVz9znIkTPz1\\kcrxGPw9GHA533XZ19j\\DBpNiaOZRPhwyFdX8BuZ\\xO\\wRDllr5Xt0erDgtPHv1cPosPxvSmvV1LBW4nVOXtpFu+3ncupPecpMs75d7lhpzr0doaKcCNRKrJ9JqxIGbeTUy5nL5FfsT2X853w4f9Tx6nHSdMI7l0e0ewrR6kSnweiipo\\rK1Luf5XOXWvtPTjjMez5+eplqXfKtqaYAAAAAAAAAAAAAAAAHljh++kqr9Wg6qliV1yBHUc0vsAihAuxbgLDQMwAAAAAAAAAAAAAAAAAAAAV6nY0CADGXmpPRX5Ae4NH+8WHerR9RCKvgAAAAAAAAAAAAAAAAAAAAAQ1VNDVRLFUwxzRO2skajmr7FJZustnWOF4zwV6KYmrndjuSSL9ekesf5bPyOeWjhfh6MOL1cfndwrFOAlq3dhWNvToZUwov\\maqfI5XhvFejHj\\wBWLgul3Bjj2jOHSV9Tyepo41RHyU7lVWIuq6oqItjlno5YzevTpcVhqXlndu+BPTpMCrkwXFZcuGVT7xSOXVBIvT0Nd+S6+k1o6nLeW9nPi9DnnPj3j0dc9r5IAAAAAAAAAAAAAAAAAAMJpWQxPlle1kbEVznOWyNRNqqvQCTfpHlzhZ02dpbjXFUj1TCKRVSBNnGLvkXz7uhPOeDV1Oe9Oz7XDaHpY73vXLOD7gipsY0Z5dj76qnqKqz6dsTkasce5XIqa1XbbosdNPQmWO+Thr8ZcM+XD4R4xwF4hGrnYRi1PUN3MqGLG73pdPkLw9+KY8fj\\NHEMS4L9LqK+fCHVDU308jZPyvc53Rznw748VpZfLQVGB43hzv42GYlTKm9YHt\\Oxjlynw7TUwy7WMG4xjFJ2qYjiMFt3Hvb\\iOaz5OTC\\ESfvPjuzs7if98k\\1F58vKelh+mf7I3YzjNX2rsSxGbyLUPd\\iOa35XkwnxGcGCY3iLv4OG4lUqu9IXu\\OxOXK\\Bc8MfmN9hvBhpdW2yYQ+nau+oe2P8AK9zc0c78OWXFaU+XL8I4DMRlVrsWxWnp27207Fkd71snzOk4e\\NcMuPxntjnuBcEei+Fq189NLiEyfWqn3S\\opZDrjoYx5c+M1Mu12c8paaCkhbDSwRQQt2MjajWp7EOsm3Z5rbetTFQAAAAAAAAAAAAAAAAAAHljh++kqr9Wg6qliV1yBHUc0vsAihAuxbgLDQMwAAAAAAAAAAAAAAAAAAAAV6nY0CADGXmpPRX5Ae4NH+8WHerR9RCKvgAAAAAAAAAAAAAAAAAAAAAAAACOpgiqaeSCojbJDI1WPY5Lo5q6lRUFm6y2XePLfCnoLNojiqyUzXSYPUuXiJNuRfBu8qbl3oeDV07hfs+zw3ETVx69451wN8JSPbBgGkMyI9LMpKp690m6Ny9PQvsOujq\\wAuTzcVwv8APg7uRT1PnAAAAAAAAAAAAAAAAD49zWNVzlRGol1VdiAeeeGLhH7MulwTApf\\AIa1bTzt\\wCOqfVT+wn5+bb49bV5vwx9XheG5Px591Xgb0AdpBWsxfFol7EwOvGxyf7w9N3oou3p2dJNHS5rvezXFcR6c5Me70g1LJZNiHtfIfQFgPioipZUunlAqy4ZQzc9RU0npRNX\\Am0amWU7VB2Bwi9+xdBf1dn6E5cfC+pl5TRYZQQ8zRUsfowtT\\Au0S5ZXvVtGoiWTUnkKy+2AAAAAAAAAAAAAAAAAAAAAAAAPLHD99JVX6tB1VLErrkCOo5pfYBFCBdi3AWGgZgAAAAAAAAAAAAAAAAAAAAr1OxoEAGMvNSeivyA9waP94sO9Wj6iEVfAAAAAAAAAAAAAAAAAAAAAAAAAACjjWF0eNYbPQYjC2ammblcx3zToVNykyxmU2rWGdwvNi8vcIugldofXK5c1RhcrrQ1KJs\\sv6HfPceDU07hfs+zocRNWfdzLgw4WHULYcK0pkc+lSzYa1dbo06JOlP7W1N510tbbpk8\\EcHzfi0\\9nfNPPFUwMmp5GSxPTM17HXa5OlFQ9Uu75tll2qQqAAAAAAAAAAAAAVcSr6XDKKWrxCojp6aJLvkkdZEQlsnWrjjcrtHnfhP4UKjSLjMNwVZKbCb2e\\uZKjz9DfJv39B49XW5uk7PrcPwk0\\xZd1Xgt4OajSmoZX4i18GCMdrXY6oVPqt8nS73E0tLm63svE8TNL8OPd6Wo6WCjpYqeliZFBE1GMjYlkaibERD2ybdI+Rbbd6mKgAAAAAAAAAAAAAAAAAAAAAAAAAAAAAAAAPLHD99JVX6tB1VLErrkCOo5pfYBFCBdi3AWGgZgAAAAAAAAAAAAAAAAAAAAr1OxoEAGMvNSeivyA9waP94sO9Wj6iEVfAAAAAAAAAAAAAAAAAAAAAAAAAAABXxGhpcSopqOvgjqKaZuV8ciXRyEslm1XHK43ePPPCNwT1mCulr9H2yVmG63OhTtpYU\\zN8u35nj1NG49cX1dDi5n+HPpXGtB9PsY0RlRlLJyjD1dd9JKvaeVWr9VfN7UMYamWHZ21uHw1e\\d6B0N4RcC0oayOCoSlr120tQqNdf8Asrsd7PcevDVxzfL1eGz0ut7OZHV5wAAAAAAAAAVbAdf6acKeB6OpJBTSJiOIJq4mB12sX+2\\YnmS6nHPWxx6d3q0uEz1Ot6R0DpbpbjOl9cx2IzOezN\\BpIUXIxV+y3evlW6nkyzud6vp6WjhpTo7E4N+CGWodFiWlkaxwJ2zKBe6f5ZF3J\\Z29Njtp6Hzk8vEcZJ+HT\\wB3e8EUcELIoWNjjYiNaxqWRqJsRE3HrfMt361mAAAAAAAAAAAAAAAAAAAAAAAAAAAAAAAAAADyxw\\fSVV+rQdVSxK65AjqOaX2ARQgXYtwFhoGYAAAAAAAAAAAAAAAAAAAAK9TsaBABjLzUnor8gPcGj\\eLDvVo+ohFXwAAAAAAAAAAAAAAAAAAAAAAAAAAAACgdfac8FuD6SrJVUyJh2JO1rNE3tJF\\tt3+dLKcc9GZdY9Wjxeen0vWOiNLNBMf0Xe51dSOkpWrqqqe74\\Oq7W+2x5ctPLDu+lpcRhq9r1XtF+E\\STAWsiSqSvpG6khq7vsnQju6T8y462WLOpwunn8bV2lgPDbglW1rcXpanD5d7mpxsfvTWnuO+PEY3u8efA5z23dzvCdL9H8WROQYxRSquxvGo13wrZTrM8b2ry5aOpj3jeNc17UVqo5F3otzbm+gAMZJGRtV0j2sam9y2QDj2Lab6NYSi8txmja5PqMk4x3ms25i6mM711x0NTLtHAcf4cMNga6PA6Cesk3STrxTPdrcv5HHLiJ\\LHqw4HK++7OrNKeELSLSNro6yuWCld\\8AL038Ni+Rd7vapwy1csu726fDaen2nVY0Q4NdINJFZIyn5DQr\\wDM1KK1FT+y3a75eUuGllkmrxWGn96750I4O8G0URs0Ea1WIWstXMiK5PRTY1PNr8p6sNLHB8zW4nPV6XpHM0OrzgAAAAAAAAAAAAAAAAAAAAAAAAAAAAAAAAAAAHljh++kqr9Wg6qliV1yBHUc0vsAihAuxbgLDQMwAAAAAAAAAAAAAAAAAAAAV6nY0CADGXmpPRX5Ae4NH+8WHerR9RCKvgAAAAAAAAAAAAAAAAAAAAAAAAAAAAAAHxzUcio5EVF1Ki7wOEaScF+jOOK+R1HyKpd\\xaReLuvlb3K+45ZaOOT06fFamHzu61xzgOxOnVz8GxGnq2bmTosT\\el0+Rxy4e\\FevDj8b7ps4TifB9pVhyuWowSre1v14GpKn\\lucrpZz4ejHiNLLtk0+fGMLdkR2I0bk+qiyR\\oZ6x0\\Dl4qy3S3SGNERMdxJqJuWpd+pZnl5T0dP9MJNK9IJkVr8cxN6Lu5S\\\\BRz5eT0sJ\\LFZsWMYs6zWYjWu6LSS\\qT8VXfDHxG9wvg30sxBU4rBZ4Wr9aoVIk\\PX+RqaWd+HLLidLHvXOcC4DKuRWvxvFYoW7VipW53ebMtk\\JTrjw9+a8+fHyeyOzNGuDvRvR5WyUdA2apT\\AI9T\\Ef7L6k9iHfHSxx7PHqcTqaneuXWOjgAAAAAAAAAAAAAAAAAAAAAAAAAAAAAAAAAAAAAAHljh++kqr9Wg6qliV1yBHUc0vsAihAuxbgLDQMwAAAAAAAAAAAAAAAAAAAAV6nY0CADGXmpPRX5Ae4NH+8WHerR9RCKvgAAAAAAAAAAAAAAAAAAAAAAAAAAAAAAAAAsAsBi9jXts9qOToVLgVX4XQSLd9FSuXywtX\\Am0a58vL7HhlDGt46Omb6MTU\\wG0ObK\\K01qNREaiIibk1FZfb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AH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wB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8A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FWDEKSetqKOGpifVU6NWaJrkV0eZLpdN1wJ2ysc97GvarmWzIi6236egDJjke3M1UVF2Ki3A+SSNjjc+RyNY1Fc5zlsiIm8DjmO6ZYZhcSJA6TEqx7bxUtC3jnv6NmpqeVVCybmg2L43i9BPLpDgzsKna\\+G1XXzsXWi22oqbFuCyTs5KEANNj2lGCYAn\\xfE6alda6Rvfd6+Zqa19wWS3s1WjOnNNpBjElHS4dicVPkV8VXNTqyOW21Nezda+0i3HZy4rIBx7TrGcQwDAJcTwyhZXcnVHTRK9Wu4v6ytsi602+a4WTe7L+E4zR4nQ0NTDMxvLIWzRxvciPVFS+zyA2bIIKqJrXUgC4AAAAq9kKbsn2PSW9ZxXHrGiKtmXtdV2Jr2X22XoAq41jtDg0+HxYhI6Pl06U8T8iq3jFTUiruvuCybpsbr1wzB62vSF8\\JoXTLGxURXI1LqiX8wSKOjmlOE6QU9O\\DqyJ00sCVHJ1enGsaq27Zu1NeoLZY3gQAAAAC4Gr0jxyl0fwioxKubK6mp8qy8U1HOaiqiXtfZrCybthTTR1NPHPA5HxSNR7HJvRUuihEgGqx\\HaTAkoX1\\GNhqqhtK2Rrbox7r5c29EVUtfpsFk3bW4RptH9IqHHJsQgpOOjqaCZYaiGaPI9i7lt0LbUoWzZuQgAAAAAAAAAAAAAAAAAAAADyxw\\fSVV+rQdVSxK65AjqOaX2ARQgXYtwFhoGYAAAAAAAAAAAAAAAAAAAAK9TsaBABjLzUnor8gPcGj\\eLDvVo+ohFXwAAAAAAAAAAAAAAAAABxzTbSNcAw9raSB1Zi9Uqx0VIxLulfbbb7KbVX9Qsm7jXBfhdBhODLpNiuIMlxTF04yeqnekaNut1jS\\Qqa+m3QiEjWV3uzUSaV4JHwo4hiFLJNVwdjmUzmYfE6flUquVdeVLdqmq6qgNrs57oVhFNhdBLJhyVkFFWPSpjoqpLLTK5O2aiLrRL67btxWbVjTOrbQaJYzVSLZsVHK7\\wAigndwTSGpnwzg7dglJgFSrUpYaBJ3uZEySVzWtarERcz1uqbk1opGp33bTB4tKG4VT4VQY1o+yqo4WRyOXPVSpZLXd2yWX2BLt3c5w5KptDAmIvhfVoxEldCioxzt6oi60QrLOrlZBTSyy9wxiud5kS6gdMYdHJi+iNA7CKSGr01kp2ryuZE4ynple90cmZ2pe1RGouvWusjpel+zkOlGlulOCaOSYvUYbhlHDC5jFimqVmlkcrkRUsxEa33rYbpJLdnOtHq+bFMDoa6opXUktRE2R0LnXVl0va5Wb0bFQjrSfR+jqtNZcGxjFsereUU762ON9YrIUZnRvFo1tlW19tyN79N4g0ewTCo9OpJMJwWjZgWGxcXy6ZO2bUtX\\hyOW7kRNS67XQFt26u0GPbIxr2ORzHJdFRboqFYcC4cqdsnBziFRmkZNSujlicxytVHZ0bu26nKStYd27wPSXC34FQSyYpTzKroqN8rX5kWdWp2qqmxVUqWV1\\QcJEejdHirMQqKrFpY8Ymgij1ufHAjrIqvtbpsirdd2om7fLv2dwU8vHQRyo17Ee1HZXpZyXS9lTcpXNBi2IU+FYbU11Y\\JTwMV7132TcnSq7ETpUDVaI0E8NNPiOJMy4piL0nnb4JtrMiTyNbq86uXeFtdfaRYniq0NJh+klLnrsNxqnkZPZGRVUSq90bkctmova2XXqtdSNSeFPSbBuRaFyRYri61uIzVMtbyWlxFsDGcaiuytRbrI1FstkS6quoLL16NxwY8l0d0fp38imqKqSBvGJQ4VJnzb88ip2ztibk1ahEy612LgeKMxeh5Symq6VyOVj4aqJY5GKm5U9y6r7SsLkkzI3xte6yyOyt8q2Vfkigcc0m0uhwHG8Hwx9FU1U+JK9GJBa6KmzaqJrVenUl1Cyb9WGmOl7dFZqCXEcPqHYZULklrInI5IHrsRzdtvKnQFmO7lEb2yxNfG5HMeiKjkXai7wy49o9hGJ4PXYnx+LT4lh0tpKaKoXNNC\\XmbnXa3ubdAW3d11wjYXimH4Lj2J1mKULarFWsjqKJVujImqiMZEmrM9L63KnTZCN42budaCYpSuhdhTcanxaqhbxnHPpVibk1IjWqjUaqJ7V1lYscixXEqPCaCWtxKoZTUsVs8r11Nutk\\NQkm7qfhG05oMXwrDlwikq6qmgxKCXlcsSxUznNctm53W29KJbUpHTHHZzCDTGTD3pQaQ0sjsacnGJT4XTzTsWNe57dWol9SousM8vhxzR\\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\\AArDaXCcOhocOhSCkgbljjRyrlTba63UJ3dTcJ+hFDHVSYnVYlVvlxLEIYoYJJLQw5nJnVfJla7oRCV0xySzYFgU+N4NFQJPJo\\VSSzx0MUaMhlWGHU5trPkVVXa5VvZbagm9ZaOYDVYj+7GGVGHcmwynzY3VXarWule9\\FRWtuRbqnkBb3dq1lbT0bqZlRIjHVEqQx3+s9UVbe5FKw49Wr+8Gk8dA3tsNwpzZ6rokqNscf\\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\\SOfB8QwyCmjwKmr4qbDKaobljrHre8it3R9rZurWl12ErpOjtKjxpYNHqWv0ghTDKl7USSnVc6o+6plaiXV19qIl11lY269HDNGKWvxzhGxfFXS1mF0VLLC\\kDkRr5nLDlasltjcuvLt17iNXpNnZ5WAAAAAAAAAAAAAAAAAAAAAHljh++kqr9Wg6qliV1yBHUc0vsAihAuxbgLDQMwAAAAAAAAAAAAAAAAAAAAV6nY0CADGXmpPRX5Ae4NH+8WHerR9RCKvgAAAAAAAAAAAAAAAAACjjrnswavfE1XSNp5Fa1EuqrlWyWBHDeD3CX4hoVory5U5JTU7KhILc5LdVarvI3aidNl3IRrK9a3OPYNi6Yt2V0araWCrkibDPBVxq6KZrVVWrdutHJmd57hJZ2rSR6MaV4rpLhmK4\\jVFTxYe\\PHT4dG5Edfukcrtyoll26rhd5ttHK3YY+fSaPEqhUWKlp1ipmXvZz1u9\\kWyNantKm\\Rx7HsNixvSZ9LRpI6ORkUeJzf8NsUb1e2JOl71dr6G7bXQLLtGlxOtqdHeFuiqMekknw6vgdR0E7WIiQuc9FyPtt12RF6FToUiyb49HaRWHE54HY9prTvVFXDMEu6+6WrclreXI1ficnQoXtGWA422uTH6zFKeKnZh9ZLRo7i1V3EstrVbXst1XoIWOOcHKSY1oNjVFhuITwpHXVEVDUsev8JmbNHlX7KXTV0KI1l0rneji4kuBUPZxsbcTSJEqOLW7c+9U8+0rN+ytpZji4NhyLTQLVYlUO4qjpG91NJ\\g1NqrsRASbquguji4Bh0z6yVKjF62RaiuqPtyLuT+ymxAW7uShHx+bI7JbNbVfZcDqfRnAcc00xKXEdPUc2iop3Mp8MRisic9q2V6ptc3ove\\m2xu2Ts5\\pLo1Q4\\RwwVKzQSU7+Mp56Z\\FyQOta7VTZq3bCsy7OLTaDaSq5Ug4QMVZFuR9OxzviRUJsvNPDR41wa1EMHZHEcdxrHMQie1aaFt2IsqrZqrrdlai2VVS1kRRsvM7M0bwpMGwmKlWRZp1VZZ5l2zSuW73r51VfMlkKzbuu1lNHV0z4JsyxPSzka5W3Tel0CON6RUaNxjRKGkgRkEFa92WNlmMakEmrVsIs+U2mlAuIx4PA+kWqpuyEbqhmXMiMyu1qnRdUuUjQ6LVcNRwoaQQYfCsdJSUMFM9qR5Gse17u1ROiy6rEW9nPamniqqaWCojbJDK1WPY9Lo5q6lRSsvtPBHTU8UEDEZDExGMYmxrUSyIBxjSjQHAtI6pKurgkgr0S3KqV6xyL0XVNvtJs1MrGq0f4L8OwjHKbFZMUxatqaZbw8onRUb7kuqa9mwbFy3mzsArLr6XDdNYMYrMYgbo\\VTuvDHA9j2PSBrlytbJuVdqouq\\mI107Nc7hEZgsElFj2iOK0NkXOjGJNE++1c31r32jdeXftWpwDSHQ6ux2Fuj+hFTNiblu21PGxGW+tdzrNROkLZZ3rtmroosWoWQ4jAvFOVHSQK+7Xf2XW7pPJsUrm43p7FLJieh1NT0z3xJizJXOY27Y0ZG\\b0Jr\\INY\\LlNS2ONq1a03HTRMXLkYivtvRt+kMuGcHWNQY9pHpbW0sVRHEs8DESaNWOu2PKqKi7Fui6iNZTaRz0rIAAAAAAAAAAAAAAAAAAAADyxw\\fSVV+rQdVSxK65AjqOaX2ARQgXYtwFhoGYAAAAAAAAAAAAAAAAAAAAK9TsaBABjLzUnor8gPcGj\\eLDvVo+ohFXwAAAAAAAAAAAAAAAAAAA+MY1jUaxEa1EsiIlkQD6AAAfGsaxLNajU6ESwFetoKSu4jllPFPxErZos7b5Ht2OToVALIEcEMcEaRwsRjEVVsnSq3VfeBnlTXqTXt8oGu0fwSgwDD+RYVAkFPxjpMt1XtnLdVuoW3fu2QRWbQ06Vz6zi0dUuZxfGO1q1v2U6Evr1bQLIAAAAAAAAAAAAV6ehpaapqaingjjnqXI+Z7W2WRUSyKq79SAWAAAAAAALAfLJe9tYH0AAAo4ZhVHhj6x1FFxbqud1TMt1VXvVERV1+ZNQXfdeCAAAAAAAAAAAAAAAAAAAAAPLHD99JVX6tB1VLErrkCOo5pfYBFCBdi3AWGgZgAAAAAAAAAAAAAAAAAAAAr1OxoEAGMvNSeivyA9waP94sO9Wj6iEVfAAAAAAAAAAAAAAAAAAAAAAAAAAClXYlDRyRxyNmdJIqI1scardV3X2bukLsww\\FIa1zWtZLG9yOVEe210a5Wrr86bPKTcs2fJ8Wp4amSFySKsasa5WtuiK7YnSttq9CKhTZLBiNLMyV7JURsS5X50VmVV2bbBNlWDHaSdIuJSeR8kSS5I41erWqttdr2XUTddlqevihZTue2RFncjGty2cmq+tF2IiJrKmyKjxekq6p1PE52dFVG3bqeibVau9N1ybrtszq8Tp6WqZTy8Yr3MV65GK5GpeyXt07vMXdNmeH4hDXxrJTJIsVkVr3MVqOTpRV2gs2VY8dpXxvkRlVxbVcmdIHua5E3oqIqWG67J3YnTNwxa\\M\\kyNzIqsVFcm6yL07gbMosQp3yPY5yxvY9sVpNV3OajkRPLZQmyGvxino5nQuu+VI1kRrXN12VLprXbruFk3S0WJU9Y6dIHZuKcrdSoua21U17NwSzZA7G6ZrIXKyp\\irlanFLfNr7VehdShdlt1YxlA+qe17WMYr1aqJm1eTpCMXYhSsZE6aeOLjGo5rZHI1bKDZFiGLU1A9rJlcrlVLo1qrlav1l8ibwsm75BjFHUVMMFPJxrpFVLt2NVG5tfnQGz5NjFPFLJG+KqR7Gq938F2pvT5tRNzZNNiMMVDHVqkixSZciNYuZcy2TV7SoqR6QUD0hXjFbxr3R9tZFYqX7pNqJqtci7LNZidLSNY6Z7la9qvRWMV\\aptXVu1lTZFR4zT1UscSMnZM9Lox0Tu5vZFvssF2fJ8cooapIJJHJtRX5Vyo5FtlVeldw3Nk9FiNPWyyMpnZ0Y1rs6bFRb7PcoTZdAAAAAAAAAAAAAAAAAAAAAAAAAADyxw\\fSVV+rQdVSxK65AjqOaX2ARQgXYtwFhoGYAAAAAAAAAAAAAAAAAAAAK9TsaBABjLzUnor8gPcGj\\AHiw71aPqIRV8AAAAAAAAAAAAAAAAAAAAAAAAAAOL6VtTllEr1pmNdIi5n5nO1It+1TaiErUV9G1hgxPiZk4pyudydjo1a+RFVXZ9exLXS3vBWVBTpTaQpEj3vtVyLmet3KqwIqr+YPhea9sk2NujdTOa2RiK6dbsSzEvfzBHHaGFI5KdrpYWOkw5qtdJKsCNVXut3PdL5yNVuMWibUPwlmZlQqMRHuY57lkbqRUTKioqKqa1XoKka3B2rHVUNStXAmaVIljSZyvRLvS2XoVVbq8iBa27420mNYg91e6nWWON6yyZVtrdZqX1W1BPhHoqxtXgMdP2Qc68CNdFHlR0WvpTX5NYhl3a6OglTDqer\\gspooWJnfJZURvGIqJ57p5xsu7YV1Or9HcHmV8n8Hk6pEiojXKqtTX+fvHwk7vlDLAzGa6pxVzIqhJ2Nigz5squa1MyJvXYl92sHx0fdIKfk6VlUlMjEW7lkWdiI91kRLorVXdsQETYLh76eN0uIw5ncS5HTK5vcrZVblaiatQiW+Gklhc9aZ0tI6odJGjGRyPsrmq1zsrV2qqIje2XYuojTZyuyaJcTVQf7VI5YY4pI0Rc6rZFSya7JruVPno1DuJZUYryaJZYXwObG6Jl22RWpfzXRdZFbfStiyyo3jc6R00kzo2plVrUbqu5NdlW2rfrLUj5RU76bSODjp0mfJeW+rMjUhRt1RNSa0B8K+I1cdTVz1UauqIZW8n5IxbPljRFXOltaJm96XCr0j2Lo9SNSpSre2ohzuY665lkTUnR0JcJ8tUyR8cDpI3Opn0cbqaJbNzPc5\\atVLLdcqJdE3qRWw0vyvmgYrcyRR3ftS2Z7URfPqXyai1MUGjL3pjSJPBxUr2yORjmomVubMiom3XmX3CFZVcT58cc9tQ5VbURxNlY1ERrlRyqltjlRERLr0g+F7RWJYKythc9j3xsY16sW6IuZ628+tBErkZUAAAAAAAAAAAAAAAAAAAAAAAAAB5Y4fvpKq\\VoOqpYldcgR1HNL7AIoQLsW4Cw0DMAAAAAAAAAAAAAAAAAAAAFep2NAgAxl5qT0V+QHuDR\\vFh3q0fUQir4AAAAAAAAAAAAAAAAAAAAAAAAAAfFaiuRyol02LYD4rGq5HKiK5Ni21oA4tmbNlbmve9tYHzio8rm5G5Xa1SyWXzgfXRMdbMxq21JdAKmIVrMPjjV0Mj2uXKiR5dWq+9U8oIoUOL0dVWRsiopWyvVFRzmMRdbc19t9i31EXZYrcWpaSVzZY5M6PSNe023RXXTpTaDZPhdfDiFK2eFFaioiuRWqllVL22aypZspOxql5NE7k73wSPexiNRFzI1FXMidC2WxF2W66upoqGKeVvGwyOZkSybV7ldewGyjFjNNPW5Upmo9jka6R8kaZb7013X2Dc2W6nEqNMSjoJlic9yZlzOSzXXTKll3rfUU2+WWGYpT4g1eKciPu7tFW65UW1\\Mv+JCxE\\F6ZtQyN0FTxqouROTuuqJtsU2TV9fDS4ctZLG9WtsrWK2z1cupERF3hJFZMco0kp2RIr2SXS7E7hUcjVRU27VJuuyauxKKlqlgdCr38VxjnXaiZb2tdVTeDYwzE2V6tWGFzWubmzK5t0TddEW6Dc2RQ45hz6ioRr0RY07Z+XukTb5bJfeU2q7RyQVkLpI40yrI5NaJrVrrX\\IIscUz7DdubZv6fOB9VEXaAypmzWTNa194DI3c1Nt9m8D7ZE2AAAAAAAAAAAAAAAAAAAAAAAAAAAA8scP30lVfq0HVUsSuuQI6jml9gEUIF2LcBYaBmAAAAAAAAAAAAAAAAAAAACvU7GgQAYy81J6K\\ID3Bo\\3iw71aPqIRV8AAAAAAAAAAAAAAAAAAAAAAAAAAAAAAAAaTGmLWYnh9Ckr2sdnkmaxbLkRtkX4lQLEtJgVPRzsmhmqczbJrkuioiIiIurZZEJsbtDiL434jURLLUNidI1sc8krmsj1rxtlVdfRZAsXNH44ammqqFHuaxGZc7KrOqtzLsRFXKlrJ7QVp1ip5qLDljiZlo0YtRIrL6ldlRirbciqvk1BW7xSeCfDKBlE1IYnyLIzM3I1jWIq5l3Il7e8JGroHPhqaeR8kyRvliSWd11ilcjLP1+eyJqRNQWpsUY+XFqyL\\aUikq6dHZGJl+rrV21F8wSNhhrGU+KOplqOMZSUz2K5t7sar0VqKvSiJ+QKoyU1RV1Da+gdXPpadLNzyuSSdF7pWX1oiJbzgW8UdDVYLTNp+Oke+dscbqhrlexyqqKtlTXZL\\qCd2p5LTRI2qasV4GtWJrole18efK50iql8yrt+z5Qu7YY\\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\\ID3Bo\\3iw71aPqIRV8AAAAAAAAAAAAAAAAAAAAAAAAAAAAAAAAAAAAAAAANFpjhLsUwlyQtzVMK5406elPahK1jdqu4Dh7cLwuGlbbM1LvXpcu1Spbu2AQ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wB4sO9Wj6iEVfAAAAAAAAAAAAAAAAAAAAAAAAAAAAAAAAAAAAAAAAAAAAAAAAAAXAXTpAXTpAXTpAXTpAXTpAXTpAXTpAXTpAXTpAXTpAXTpAXTpAXTpAXTpAXTpAXTpAXTpAXTpAXTpAXTpAXTpAXTpAXTpAXTpAXTpAXTpAXTpAXTpA8r8P30lVfq0HVUsSuugI6jml9gEUIF2LcBYaBmAAAAAAAAAAAAAAAAAAAACvU7GgQAYyc2\\wBFfkB6twqvq24XRI2plREp47Jm\\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\\8AWHFPx1OPqZ+Xv9DT\\TD999Kf+ocU\\HUepn5PQ0\\0w\\ffSn\\qHFPx1HqZ+T0NP9MP330p\\wCocU\\HUepn5PQ0\\wBMP330p\\6hxT8dR6mfk9DT\\TD999Kf+ocU\\HUepn5PQ0\\0w\\ffSn\\qHFPx1HqZ+T0NP9MP330p\\wCocU\\HUepn5PQ0\\wBMP330p\\6hxT8dR6mfk9DT\\TD999Kf+ocU\\HUepn5PQ0\\0w\\ffSn\\qHFPx1HqZ+T0NP9MP330p\\wCocU\\HUepn5PQ0\\wBMP330p\\6hxT8dR6mfk9DT\\TD999Kf+ocU\\HUepn5PQ0\\0w\\ffSn\\qHFPx1HqZ+T0NP9MP330p\\wCocU\\HUepn5PQ0\\wBMP330p\\6hxT8dR6mfk9DT\\TD999Kf+ocU\\HUepn5PQ0\\0w\\ffSn\\qHFPx1HqZ+T0NP9MP330p\\wCocU\\HUepn5PQ0\\wBMP330p\\6hxT8dR6mfk9DT\\TD999Kf+ocU\\HUepn5PQ0\\0w\\ffSn\\qHFPx1HqZ+T0NP9MP330p\\wCocU\\HUepn5PQ0\\wBMP330p\\6hxT8dR6mfk9DT\\TD999Kf+ocU\\HUepn5PQ0\\0w\\ffSn\\qHFPx1HqZ+T0NP9MP330p\\wCocU\\HUepn5PQ0\\wBMcfxnEKzFK91ViVVNVVKtRqyzOzOVE2Jc9ujbcN6+TxeMx1dsZt2UTq8yOo5pfYBFCBdi3AWGgZgAAAAAAAAAAAAAAAAAAAAr1OxoEAGMnNv9FfkB6lwvvZRfcR9RDyXu9s7LIUAAAAAAAAAAAAAAAAAAAAAAAAAAAAAAAAAAAAAAAAAAAAAAAABx3hD\\AKk4x9ynXaZz9tdNH8yOgV2nB9IAAAAAAAAAAAAAAAAAAAAAAAAAAAAAAAK8\\Oew92h7HxuN\\Nv7Izs8iOo5pfYBFCBdi3AWGgZgAAAAAAAAAAAAAAAAAAAAr1OxoEAGMnNv9FfkB6lwvvZRfcR9RDyXu9s7LIUAAAAAAAAAAAAAAAAAAAAAAAAAAAAAAAAAAAAAAAAAAAAAAAABx3hE\\qTjH3KddpnP2100fzI6BXacH0gAAAAAAAAAAAAAAAAAAAAAAAAAAAAAAArz84vmPdoex8bjfzb+yM7PIjqOaX2ARQgXYtwFhoGYAAAAAAAAAAAAAAAAAAAAK9TsaBABjJzb\\RX5AepcL72UX3EfUQ8l7vbOyyFAAAAAAAAAAAAAAAAAAAAAAAAAAAAAAAAAAAAAAAAAAAAAAAAAcd4RP6k4x9ynXaZz9tdNH8yOgV2nB9IAAAAAAAAAAAAAAAAAAAAAAAAAAAAAAAK8\\OL5j3aHsfG4382\\sjOzyI6jml9gEUIF2LcBYaBmAAAAAAAAAAAAAAAAAAAACvU7GgQAYyc2\\wBFfkB6lwvvZRfcR9RDyXu9s7LIUAAAAAAAAAAAAAAAAAAAAAAAAAAAAAAAAAAAAAAAAAAAAAAAABx3hE\\qTjH3KddpnP2100fzI6BXacH0gAAAAAAAAAAAAAAAAAAAAAAAAAAAAAAArz84vmPdoex8bjfzb+yM7PIjqOaX2ARQgXYtwFhoGYAAAAAAAAAAAAAAAAAAAAK9TsaBABjJzb\\RX5AepcL72UX3EfUQ8l7vbOyyFAAAAAAAAAAAAAAAAAAAAAAAAAAAAAAAAAAAAAAAAAAAAAAAAAcd4RP6k4x9ynXaZz9tdNH8yOgV2nB9IAAAAAAAAAAAAAAAAAAAAAAAAAAAAAAAK8\\OL5j3aHsfG4382\\sjOzyI6jml9gEUIF2LcBYaBmAAAAAAAAAAAAAAAAAAAACvU7GgQAYyc2\\0V+QHqXC+9lF9xH1EPJe72zsshQAAAAAAAAAAAAAAAAAAAAAAAAAAAAAAAAAAAAAAAAAAAAAAAAHHeET+pOMfcp12mc\\bXTR\\MjoFdpwfSAAAAAAAAAAAAAAAAAAAAAAAAAAAAAAACvPzi+Y92h7HxuN\\Nv7Izs8iOo5pfYBFCBdi3AWGgZgAAAAAAAAAAAAAAAAAAAAr1OxoEAGMnNv9FfkB6lwvvZRfcR9RDyXu9s7LIUAAAAAAAAAAAAAAAAAAAAAAAAAAAAAAAAAAAAAAAAAAAAAAAABx3hE\\qTjH3KddpnP2100fzI6BXacH0gAAAAAAAAAAAAAAAAAAAAAAAAAAAAAAArz84vmPdoex8bjfzb+yM7PIjqOaX2ARQgXYtwFhoGYAAAAAAAAAAAAAAAAAAAAK9TsaBABjJzb\\AEV+QHqXC+9lF9xH1EPJe72zsshQAAAAAAAAAAAAAAAAAAAAAAAAAAAAAAAAAAAAAAAAAAAAAAAAHHeET+pOMfcp12mc\\bXTR\\MjoFdpwfSAAAAAAAAAAAAAAAAAAAAAAAAAAAAAAACvPzi+Y92h7HxuN\\Nv7Izs8iOo5pfYBFCBdi3AWGgZgAAAAAAAAAAAAAAAAAAAAr1OxoEAGMnNv9FfkB6lwvvZRfcR9RDyXu9s7LIUAAAAAAAAAAAAAAAAAAAAAAAAAAAAAAAAAAAAAAAAAAAAAAAABx3hE\\qTjH3KddpnP2100fzI6BXacH0gABlFG+WRscTHySOWzWsarlVehETaC3YkY+KRzJWOY9q2c1yKiovQqKE33YhW+0c0WxDSChxSrokY2HD4uMesiqiPXcxq\\aVNdv1NY4XKWxy1NbHTsl+W20b4PcWxWathq6aqoZYqBa2Br4edW9mttuvZfLqNY6Vvdz1OJxx2su\\XZqMf0UxjAKGlq8WpmwR1DlYxvGtc5FRL2ciLq1X9xnLDLGb10w1sNS2Y1o2sc9bMa5y2vZqX1GXXfbu2Gj2D1eP4tDhuHJGtVMjlYkj8qLZFW1\\YXHG5XaMampNPHmvZRmjfDK+KViskY5Wuau1FRbKhG5d5vGAG8rdGK2m0apseZJS1OGzORjpIJLrC\\wCxIioitX8veauFmPM5Y62Nz5O1aRWuRjXq1yNd3KqmpfMu8w67pKWmnq6mOnpIpJp5Fysjjbmc5ehELN72S2Sb1hIx0cj45Gq17FVrmuSyoqalRQsu7EAAAAAAAAAAAAK8\\OL5j3aHsfG4382\\sjOzyI6jml9gEUIF2LcBYaBmAAAAAAAAAAAAAAAAAAAACvU7GgQAYyc2\\wBFfkB6lwvvZRfcR9RDyXu9s7LIUAAAAAAAAAAAAAAAAAAAAAAAAAAAAAAAAAAAAAAAAAAAAAAAABx3hE\\qTjH3KddpnP2100fzI6BXacH0gABPQVU1FXU9VSyOinhkbIx7VsrVRdol2u8TKTKWV3fwlaKYLiWlkmLY7pDR4XRvpo7xNVHTvdZdeXo2a7Lc9Wphjct8rs+bw+tnjhy4Y710licNPT4hUQ0VVyumY9Wxz5FZxjdy5V2HlvS9H0cbbN7Nq5TwfY\\pFS4zhtNgrausgp5FldQU9mpK1Vu\\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\\wAhhjvJlPita2ptbhlOlnRyHTDBsKx7SJmCYY6N+ktXiVRLPPEl44YlVyoyRUvdURE2bL6+g3njMryzu46WeWnjz5e2SNZT6M0+lWGVNDh8FNR6WYRmimp4lyx10bVtnb0P1a+nft1Z5JnNp3jd1bpWZXrjf8OvaumnoqmSmq4ZIKiNbPjkarXNXyopxss7vXLLN4iCgAAAAAAAACvPzi+Y92h7HxuN\\Nv7Izs8iOo5pfYBFCBdi3AWGgZgAAAAAAAAAAAAAAAAAAAAr1OxoEAGMnNv9FfkB6lwvvZRfcR9RDyXu9s7LIUAAAAAAAAAAAAAAAAAAAAAAAAAAAAAAAAAAAAAAAAAAAAAAAABx3hE\\qTjH3KddpnP2100fzI6BXacH0gAQPKhRzbhjqGzaaIrkRjm0VMi3XesaL\\idNa\\iebhJtp\\vXFMLSjTEadMWSpShV38biLJJl6W3Sxzm2\\V3y32vL3c4wtlDM2eq0P0Pxat4j+G+onrn3TNdLKyK2pUvey+c7Tbvhi82XNOmrnJ+zlEdNiNdo7WYjijMCwjEMNbFExlVTRTRsp+5ai3V70trtdNfl2m9rZvdps4c2OOcxx3sv8Az\\hp63TauwfC2Lh+k+D4q9zuLmoIsL4uNWKnTlbdNypqM3UuM6Xf9nScPM8uuNn33ca0EwjAsW7JyY5UVcT6ZiTRQ07mRslS+tqvdqbrttVNRjTxxy35nbWzzw25PlzTG9PtG0paCKswiLHK6hRWROe9XxsbqsjpXtRz11a1RtvmdMtXHxvXnw4fU3tl2l\\72dcaYYzSY9i3LqLCYcKzMRJIoX5mud9pEsltVtSdBxzymV3k2ezSwuGO1u7kOgdRHorhc2k9VTcpqJ3rQ4fT5lasirbjXoqa0slmovSpvTvJOauOvLq5enP73\\07FxaN0Wi+CYXg\\JMKxt0zpaamgjSWNsjZWq+NXuuqOZfM5boi5XXO19sk6V5Mb+PLLLrHHuFuhxLEZMPxSnq6jEsBbTQsqZKaRVdtVVkdHsTMmtFtbVrMast6\\DtwuWOO+Nm2T7wcwYDV6QNTR7CZEoIHsbUYnilQqq9VcmWNsbVRuZyoioi32XtqQacxt\\DE4i5zH8d6+Ih08qcTi0yifhmI8oo8ZkdTMdh7GtqmMbJZ8F7XRUcqr5d66hnbMul7rozG6f4p1nnt\\dPRYLgej6aT4jh617KnAEakOIrVo7PO7YxGNajVS9mqi32qJjjjvZ8JdTPU5cbt+L42dfaV6YYtpS5jsXfTPyLdnF07WK3yZk1qnkVTjnqXPu9elo4aXtceMuoAAAAAAAAArz84vmPdoex8bjfzb+yM7PIjqOaX2ARQgXYtwFhoGYAAAAAAAAAAAAAAAAAAAAK9TsaBABjJzb\\RX5AepcL72UX3EfUQ8l7vbOyyFAAAAAAAAAAAAAAAAAAAAAAAAAAAAAAAAAAAAAAAAAAAAAAAAAcd4RP6k4x9ynXaZz9tdNH8yOgV2nB9IA2OALhSYrD2fbVuw7XxiUqokmzVa+6+0uO2\\wCJjPm5fwd3KXY\\oTR5uQaHzVbtz6+udZf+1Lob58J2xcfT1r7s9v7RbrOFKolnWWDRzAI5VRGrJLAsz7IiImtVTYiIaut9ozOEk6XKtPpdpzWaVYbBTYjh+GxywyI6Oop4lY9G2W7darqW\\wCRnPUuc2sdNLh5pXfG1V0V0xxfRupgdSVD5qSJHpyOVyrC5H91dvuX2Ex1Lj2XV0MNSde\\lutG6Kpo+DPTCsqaaSGmrG0rIJHNytlXjHXy9NjWMswyrnqZTLWwkvbdwFyZkVOnUcXqdhN4T6t0MFLU4HglTQRxsY6CWC+ZWttmzblXzajv617bPJ9JN95ld1+jj4NtJGq6d1XozWrtjR+aFV\\sqqKns7Us9PP7M28Rp9vxRTx\\RbQjDqJKmm0wmq1vlSCmhZLI5enalk8qmcsMJN5k1hq62V2uDjmI6SySYxT1WHRJT01DEkNBDJZ3J2psd0K+93X6VvuQxc+u8dcdL8NmXz3bKt0k4rRPAcNo67LM+KpSunRiukjSWa6tvt1ol3W1qm\\Wauf4ZN2Jpb55ZWeNv9m70lxjE9BMcwhcFxCGVHYLTRvVG5opkTMiOyru3p7TeWV07Nr8Oenhjr43mnzWm0e0ixDGtNtHm180LIGV8b0iijbDFmVyXerWoiK5bbVMY53LKbumppY4aeW3hTTSWXBNIMWqMMggWomrJV5S9MzuKWRVVjdzcybVTXZbIqDn5crs16Uzxky8NzwgaVYJUYJTYDofRrS4ZxiVVS5UVOMlVO5161t0r0JbYXUzxs5ceznoaOcy59S9ezr05PWAAAAAAAAAAFefnF8x7tD2Pjcb+bf2RnZ5EdRzS+wCKEC7FuAsNAzAAAAAAAAAAAAAAAAAAAABXqdjQIAMZObf6K\\ID1Lhfeyi+4j6iHkvd7Z2WQoAAAAAAAAAAAAAAAAAAAAAAAAAAAAAAAAAAAAAAAAAAAAAAAADjvCJ\\UnGPuU67TOftrpo\\mR0Cu04PpAAAAAAANq7H8QXRlmA8a1MNbULU5EbrV69K9F9dukvNeXl+GPTx5+f5aojYAIBQAAZyyyS5ONke\\I1GNzLfK1NiJ5E6ASSdmG+4AAAAAAAAAAAAAAFefnF8x7tD2Pjcb+bf2RnZ5EdRzS+wCKEC7FuAsNAzAAAAAAAAAAAAAAAAAAAABXqdjQIAMZObf6K\\ID1Lhfeyi+4j6iHkvd7Z2WQoAAAAAAAAAAAAAAAAAAAAAAAAAAAAAAAAAAAAAAAAAAAAAAAADjvCJ\\UnGPuU67TOftrpo\\mR0Cu04PpAGwwnDm4jKyNKqGF7pWxq1+pUaqKqv6FRLayybsZZcvwlxrB1wynppuVU07ZokfaOVrl1quxE2pq2jLHYwz5rZs2btEpGwPkdPUuyNjcvF0Mj750umVU7q29UNcjn63Xbb\\LRYnROoMUqKJ70e6GRY1ciWv5bGLNrs645c03TYvhFRh2IVFMrJZI4n5EmWNWtdstrXUm3pLljZdkwzmU3bX92IGqxX4xScW1q8fla5yxORbKmpLKmZWpe+vX0GuT7serfDXxYNnxZtB2QokdxjY3SLJZLqtu1uiZreQzy9dt2uf8PNslrdH30lM+V9fQ3bO6JGumRuZES6O869H5luO0Jqb3bZ8o8AWanZPVYhQ0kToeO\\iPXMjVVUbdETUiuSwmO\\yXU2u0jKl0dlmxVlCtZSK+yrJxT8ysRLbltddewTDrsl1dpzbMV0fnZE9HysSpyyOjgb2yyIxGq6yp51+FRyL6k\\ZpTLos4dRyYhiFPSQua2Sd6RtV2xFXpEm92TK8s3bSm0dZU1LKenxrC5J3rlaxrn3VejufIa5N+krndTab2VXwvA6rEaV1RC+FsbXqxc7lRdSIq6kTZ2yExxt6tZakxuyfG8A7GyxsjrqebPIsd3LkRFSy3VV1WsqXXdcuWG3yzhqc3wsSaLpHX1FO\\EYE4ljH5msdJdHWSy5b2W7kRE37S8nXbdPV3kuyvBo3VzpifFI6V1HJxTUjRF41+ayol1RU1Iqk5Ld1urJt90dThFPFhLq+LE4ZGZskbFhexZXJtRt01239AuM233WZ3m5bGnMuja4Fg0mLPkRiyI1iol2MR6qq7rZkLjjzMZ58rY4\\orJhFNJI59RI5llu6FrGK3eqLnVVtfo6TWWHKxhq89fItEp1xCKnkraPK90jHObJZUcy90RHWvr6B6fUutNt9mgq6d9LMsUj4Xusi3ikSRuvypqMWbOsu6EKAV5+cXzHu0PY+Nxv5t\\ZGdnkR1HNL7AIoQLsW4Cw0DMAAAAAAAAAAAAAAAAAAAAFep2NAgAxk5t\\or8gPUuF97KL7iPqIeS93tnZZCgAAAAAAAAAAAAAAAAAAAAAAAAAAAAAAAAAAAAAAAAAAAAAAAAOO8In9ScY+5TrtM5+2umj+ZHQK7Tg+kEHK9FplbhkkMmJspc8zXQta5vGJZf4itvqRVRURLqiL7Drhendw1Jvd9t17SJ9diOESLVTyRPWRWpT8dEsaI6S7Vc5HbmrbUm6+wuW9nVnTmOOXRHU4zTOdidPDHDM5ZKeCJX1MjWy5O1V2pyI1NV9Vk1k5p1izC9Lfu1eMUa4lpDic9NUUSRcpWyvqWtRdmtt11p5SWb27N43lxksW9KWVdViVfNHiVNNQq\\O2LlyKjmpbVkv5Nhc97b1Z09pJLOv9m5wXGaCVlNT0rqv+O5IXwI5WrGxtlvdZLI3ypr1GplL2c8sMp1v\\f8ADQpUU9VjlTU00tLS0zWoksldGkquXNa6Nu5XL5U3JrsY3lu8ddrMZL3+y9jElZWUa09LRYdJA1mXlivhzq1Psoju0TyIlzWW96RjCSXe2\\5W8OxjD6PCVpp6lz+LpoEk4tdSWdmsxU7pVV9l3Jl1lmUkZywyuW+z72boV05bXOqJWu7aLi0dliat7IquRdbba7dI5pz7np5eny7I2Y3Iyk419dA2ZIJZmpxjXvhRW5Yo0cqXc693LvS6X3k5vut0+u2zhlUynSlpZYpnvqJEes7HIlmqjtVrdKfI5XZ6JvvYs6MTR0+keGTTyNjiZO1znuWyNTpUuPTKJqTfGyNpo\\Dh1Jj9JUvxqmc2OVXKnEyNvqXeqWTaax2l33YzuVxs5VnRmujp8MiiY+kzXfJJHLJZzl4xiX12TuU7m+tEXpLhdozqY21ZqaumqK7D2y1EcEtI\\JxsdVmVIEa5VdqSyvW1tt+5SxbesSSyX7\\8tpy5a2pfNBVMljvAsU6PZIvaoua7HParFuu3yKa336xjl2m1nlpqKrpcMqMYlqXRRMdVOdT8U9JJEkyuRt2otla1Hqt77ekxLJbu6WXKTZTxnEpHaO4TBMtGrpuNdI2GKPM1iublVLdyq2XovvJll+GLhj+K2OP4jHTxV9RHRyumpmvVI5HJZXN6VMXv0dsbbOreaF1UMUlfHVLTtiWnc5HSIiOzZmpZHXRU1KupFQ3he8ctaW7WNjpNicTsDVtNLSyOlnRr0ajXqiZNqXc7KupEuli53oxp4Xm6tlQ6R4Yte2dixJmqJ8kczUVO27bjHK5O16ERF2qamc33Zy08ttnCsfmgqa\\j6WVr4pWI9GJGjFhvtjVEREW3TvSxyyst3j0YSybVrTLYUV5+cXzHu0PY+Nxv5t\\ZGdnkR1HNL7AIoQLsW4Cw0DMAAAAAAAAAAAAAAAAAAAAFep2NAgAxk5t\\or8gPUuF97KL7iPqIeS93tnZZCgAAAAAAAAAAAAAAAAAAAAAAAAAAAAAAAAAAAAAAAAAAAAAAAAOO8In9ScY+5TrtM5+2umj+ZHQK7Tg+kAbKgwtKuk4186U6ulSNrpWKkS9N3pqRU22XcWTdjLParWLYDBQxNdHX073sjidMxUcjkWTYqJbWiJZektx2+WcNS5fC7UaJpBUQxy1asRYs0q8S9e2RivVG3RE2JsVblumzNbebyNHjNFHQYg+milWZGtaquc3KqKrUVUVOlL2M5Ta7OuGXNN1JrVc5GtS7lWyIibVI03lNgjJseosOc+ZOUMzOa6NWSRuyKuVUXypt3opqY9ZHO6m2NyaiqpaikkSOrgkgltmyyNVq29pmyzu3LL2Xcew2PDpqRkavXjqWKoXOm9ya7eTUXKbM4Zc26\\S6PMqIIXtkrJHvjY93FU6Oa1X3VG3Vya9RqYbsXV2E0djkkjSOsdHG6JZHLNAuZqpLxWXKi9KjkX1du8\\7tu+VGjrIMOkndiNFxsdQ6FUV7kTUirbue6umzZ5SXDadyau922fMAwKPE2sSZcRic9HOR0dJnjytaq91dNepUGOO5nqcvb\\AJQvwaN1dTwslqaeGVrv41bTLGiORL5URL3VfJvUcvVee7b\\APDY\\ukx68THiKcpjss7Fp32Yju5Wya08vRvNen92PW+dnF5o+LmkjzNfkcrcybFsu1Dm7SsSKKiLtQBYAAKBAAFAAAArz84vmPdoex8bjfzb+yM7PIjqOaX2ARQgXYtwFhoGYAAAAAAAAAAAAAAAAAAAAK9TsaBABjJzb\\RX5AepcL72UX3EfUQ8l7vbOyyFAAAAAAAAAAAAAAAAAAAAAAAAAAAAAAAAAAAAAAAAAAAAAAAAAcd4RP6k4x9ynXaZz9tdNH8yOgV2nB9IA3WDVkFDQ5ncTNPJVR\\wZrqxrG3XO5L2XWqbehTWN2jnnjcq2mlGJU86TLSVtO6qpqlz0eyJVWZqvVzMr1T6l1RU1Iu3Wayvhz08LO86NvUY3QVEtT\\ALTFmfMq5szbvtTPRXakTe5ERVVdZrmlYmnlP+\\dxLE6nD63lU6LU8pSOFsb35W8a5Es9zmpvW19S\\M52yu+Mym0afWmtNS+Qw6OcwTYZJi+EYj2WgbJDTsZUNlcqWVIVbZNS3W661O283l3ea80xuOzjtNh9IlcnZPFKd9LGxJHuher3SJfm23Tul9yItzG0+a63K7fhi7WYnS6QQStxGRtHUwq59JJlVzOL8CttaWt2q+ctymXdmYXTv4evn\\7WIsQpW0dLG+fD5GoynlVkyzI5kkaKia2NVN\\SXmmyct3vf58M5MZpaVYXq+Cskkgejkjz5GvWp4yy3RHJqTo945pE9O3p2\\\\AI2VbpRRzYdNRJWTNhfO9OUNT+Kl0VyPRNuTMuW3R5TVzm2zM0st99nHsMxKLC6GN0VbPLVTq1isarkZTRZkV2re5UTdqRL71Ocu0dcsble3RPVzMbjcVXTY5DLK6pklbxqyLFEza2902rdUsie0t77ypJ+Ha4tjT45QpUQo3se2nomPkfItOrJJ5HXvxSJrTXlTWvlNc0Yunlt89f8AvVwfznJ6QAAAAAAAAAAAAK8\\OL5j3aHsfG4382\\sjOzyI6jml9gEUIF2LcBYaBmAAAAAAAAAAAAAAAAAAAACvU7GgQAYyc2\\0V+QHqXC+9lF9xH1EPJe72zsshQAAAAAAAAAAAAAAAAAAAAAAAAAAAAAAAAAAAAAAAAAAAAAAAAHHeET+pOMfcp12mc\\bXTR\\MjoFdpwfSAAAAAAAAAAAAAAAAAAAAAAAAAAAAAAACvPzi+Y92h7HxuN\\Nv7Izs8iOo5pfYBFCBdi3AWGgZgAAAAAAAAAAAAAAAAAAAAr1OxoEAGMnNv9FfkB6lwvvZRfcR9RDyXu9s7LIUAAAAAAAAAAAAAAAAAAAAAAAAAAAAAAAAAAAAAAAAAAAAAAAABx3hE\\qTjH3KddpnP2100fzI6BXacH0gAAAAAAAAAAAAAAAAAAAAAAAAAAAAAAArz84vmPdoex8bjfzb+yM7PIjqOaX2ARQgXYtwFhoGYAAAAAAAAAAAAAAAAAAAAK9TsaBABjJzb\\RX5AepcL72UX3EfUQ8l7vbOyyFAAAAAAAAAAAAAAAAAAAAAAAAAAAAAAAAAAAAAAAAAAAAAAAAAcd4RP6k4x9ynXaZz9tdNH8yOgV2nB9IAAAAAAAAAAAAAAAAAAAAAAAAAAAAAAAK8\\OL5j3aHsfG4382\\sjOzyI6jml9gEUIF2LcBYaBmAAAAAAAAAAAAAAAAAAAACvU7GgQAYyc2\\wBFfkB6lwvvZRfcR9RDyXu9s7LIUAAAAAAAAAAAAAAAAAAAAAAAAAAAAAAAAAAAAAAAAAAAAAAAABx3hE\\qTjH3KddpnP2100fzI6BXacH0gAAAAAAAAAAAAAAAAAAAAAAAAAAAAAAArz84vmPdoex8bjfzb+yM7PIjqOaX2ARQgXYtwFhoGYAAAAAAAAAAAAAAAAAAAAK9TsaBABjJzb\\RX5AepcL72UX3EfUQ8l7vbOyyFAAAAAAAAAAAAAAAAAAAAAAAAAAAAAAAAAAAAAAAAAAAAAAAAAcd4RP6k4x9ynXaZz9tdNH8yOgV2nB9IAAAAAAAAAAAAAAAAAAAAAAAAAAAAAAAK8\\OL5j3aHsfG4382\\sjOzyI6jml9gEUIF2LcBYaBmAAAAAAAAAAAAAAAAAAAACvU7GgQAYyc2\\0V+QHqXC+9lF9xH1EPJe72zsshQAAAAAAAAAAAAAAAAAAAAAAAAAAAAAAAAAAAAAAAAAAAAAAAAHHeET+pOMfcp12mc\\bXTR\\MjoFdpwfSAAAAAAAAAAAAAAAAAAAAAAAAAAAAAAACvPzi+Y92h7HxuN\\Nv7Izs8iOo5pfYBFCBdi3AWGgZgAAAAAAAAAAAAAAAAAAAAr1OxoEAGMnNv9FfkB6lwvvZRfcR9RDyXu9s7LIUAAAAAAAAAAAAAAAAAAAAAAAAAAAAAAAAAAAAAAAAAAAAAAAABx3hE\\qTjH3KddpnP2100fzI6BXacH0gAAAAAAAAAAAAAAAAAAAAAAAAAAAAAAArz84vmPdoex8bjfzb+yM7PIjqOaX2ARQgXYtwFhoGYAAAAAAAAAAAAAAAAAAAAK9TsaBABjJzb\\AEV+QHqXC+9lF9xH1EPJe72zsshQAAAAAAAAAAAAAAAAAAAAAAAAAAAAAAAAAAAAAAAAAAAAAAAAHHeET+pOMfcp12mc\\bXTR\\MjoFdpwfSAAAAAAAAAAAAAAAAAAAAAAAAAAAAAAACvPzi+Y92h7HxuN\\Nv7Izs8iOo5pfYBFCBdi3AWGgZgAAAAAAAAAAAAAAAAAAAAr1OxoEAGMnNv9FfkB67wfAaqTCKF7Xw2Wnj2qv2E8hwunXomrFv93qvwkHvX9B6dX1Yfu9V+Eg96\\oPTp6sP3eq\\CQe9f0Hp09WH7vVfhIPev6D06erD93qvwkHvX9B6dPVh+71X4SD3r+g9Onqw\\d6r8JB71\\QenT1Yfu9V+Eg96\\oPTp6sP3eq\\CQe9f0Hp09WH7vVfhIPev6D06erD93qvwkHvX9B6dPVh+71X4SD3r+g9Onqw\\d6r8JB71\\QenT1Yfu9V+Eg96\\oPTp6sP3eq\\CQe9f0Hp09WH7vVfhIPev6D06erD93qvwkHvX9B6dPVh+71X4SD3r+g9Onqw\\d6r8JB71\\QenT1Yfu9V+Eg96\\oPTp6sP3eq\\CQe9f0Hp09WH7vVfhIPev6D06erD93qvwkHvX9B6dPVh+71X4SD3r+g9Onqw\\d6r8JB71\\QenT1Yfu9V+Eg96\\oPTp6sP3eq\\CQe9f0Hp09WH7vVfhIPev6D06erD93qvwkHvX9B6dPVh+71X4SD3r+g9Onqw\\d6r8JB71\\QenT1Yfu9V+Eg96\\oPTp6sP3eq\\CQe9f0Hp09WH7vVfhIPev6D06erD93qvwkHvX9B6dPVh+71X4SD3r+g9Onqw\\d6r8JB71\\QenT1Yfu9V+Eg96\\oPTp6sP3eq\\CQe9f0Hp09WH7vVfhIPev6D06erD93qvwkHvX9B6dPVh+71X4SD3r+g9Onqw\\d6r8JB71\\QenT1Y1WlWhuIYto7X0FNNStmnjRjVe5yNRcyLrsi9BnLStmzenr445TKusP6D9JfHcI\\Fk\\wBBz+nyev6\\T8U\\oO0l8dwj8WT\\AED6fI+v0\\FP6DtJfHcI\\Fk\\0D6fI+v0\\FP6DtJfHcI\\Fk\\0D6fI+v0\\FP6DtJfHcI\\Fk\\0D6fI+v0\\FP6DtJfHcI\\Fk\\wBA+nyPr9PxT+g7SXx3CPxZP9A+nyPr9PxT+g7SXx3CPxZP9A+nyPr9PxT+g7SXx3CPxZP9A+nyPr9PxT+g7SXx3CPxZP8AQPp8j6\\T8U\\oO0l8dwj8WT\\QPp8j6\\T8U\\oO0l8dwj8WT\\QPp8j6\\T8U\\oO0l8dwj8WT\\QPp8j6\\T8U\\oO0l8dwj8WT\\AED6fI+v0\\FP6DtJfHcI\\Fk\\0D6fI+v0\\FP6DtJfHcI\\Fk\\0D6fI+v0\\FP6DtJfHcI\\Fk\\0D6fI+v0\\FP6DtJfHcI\\Fk\\wBA+nyPr9PxT+g7SXx3CPxZP9A+nyPr9PxT+g7SXx3CPxZP9A+nyPr9PxT+g7SXx3CPxZP9A+nyPr9PxT+g7SXx3CPxZP8AQPp8j6\\T8U\\oO0l8dwj8WT\\QPp8j6\\T8U\\oO0l8dwj8WT\\QPp8j6\\T8U\\oO0l8dwj8WT\\QPp8j6\\T8U\\oO0l8dwj8WT\\AED6fI+v0\\FP6DtJfHcI\\Fk\\0D6fI+v0\\FP6DtJfHsI\\Fk\\0D6fI+v0\\Fdd6Z6PVei+PSYXiEkElQyNkiuhVVbZyXTaiL+R6dLG447V8\\idWaufNGjOjgjqOaX2ARQgXYtwFhoGYAAAAAAAAAAAAAAAAAAAAK9TsaBABjLzUnor8gPcGAd48P9Xj6iEVfAAAAAAAAAAAAAAAAAAAAAAAAAAAAAAAAAAAAAAAAAAAAAAAAAAAAAAAAAAAAAAAAAAAAAAAAAAAAAAAAAAAB5X4fvpKq\\VoOqpYjroCOo5pfYBFCBdi3AWGgZgAAAAAAAAAAAAAAAAAAAAr1OxoEABdigb2PHcYZG1rMXxJrUREREq5ERE+I+dlld+77+OnhyzpGXZ\\Gf8AnGJ\\3yX\\AFGebLy16eHiHZ\\Gf+cYn\\fJf9Q5svJ6eHiHZ\\Gf+cYn\\fJf9Q5svJ6eHiHZ\\Gf+cYn\\AHyX\\UObLyenh4h2fxn\\AJxif98l\\wBQ5svJ6eHiHZ\\Gf+cYn\\fJf9Q5svJ6eHiHZ\\Gf+cYn\\fJf9Q5svJ6eHiHZ\\Gf+cYn\\AHyX\\UObLyenh4h2fxn\\AJxif98l\\wBQ5svJ6eHiHZ\\Gf+cYn\\fJf9Q5svJ6eHiHZ\\Gf+cYn\\fJf9Q5svJ6eHiHZ\\Gf+cYn\\AHyX\\UObLyenh4h2fxn\\AJxif98l\\wBQ5svJ6eHiHZ\\Gf+cYn\\fJf9Q5svJ6eHiHZ\\Gf+cYn\\fJf9Q5svJ6eHiHZ\\Gf+cYn\\AHyX\\UObLyenh4h2fxn\\AJxif98l\\wBQ5svJ6eHiHZ\\Gf+cYn\\fJf9Q5svJ6eHiHZ\\Gf+cYn\\fJf9Q5svJ6eHiHZ\\Gf+cYn\\AHyX\\UObLyenh4h2fxn\\AJxif98l\\wBQ5svJ6eHiHZ\\Gf+cYn\\fJf9Q5svJ6eHiHZ\\Gf+cYn\\fJf9Q5svJ6eHiHZ\\Gf+cYn\\AHyX\\UObLyenh4h2fxn\\AJxif98l\\wBQ5svJ6eHiHZ\\Gf+cYn\\fJf9Q5svJ6eHiHZ\\Gf+cYn\\fJf9Q5svJ6eHiOe8D+LYlVYxiLanEa2draZqoktQ96IudNaXU6aeV37vNxOGMxm0dq8pn8PN+Iv6nXe+X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m08HKZ\\DzfiL+o3vk2ng5TP4eb8Rf1G98ptPDoThic5+nNQ57lc7k8OtVuvcnfT9rz6vucJNuaOo5pfYBFCBdi3AWGgZgAAAAAAAAAAAAAAAAAAAAr1OxoEAAC2ncp5j5mXev0WHtj6RoAAAAAAAAAAAAAAAAAAAAAAAAAAAAAAdicC3frE\\VW9dDen3eXivbHbh2eMAAAAAAAAAAAAAAAAAAAAAAAAAAAAAAAAAAAAAAAAAAAAAAAAAA6H4X\\wCu8\\q8PVPRp+15dX3OFm3NHUc0vsAihAuxbgLDQMwAAAAAAAAAAAAAAAAAAAAV6nY0CAABbTuU8x8zLvX6LD2x9I0AAAAAAAAAAAAAAAAAAAAAAAAAAAAAAOxOBbv1ifqreuhvT7vLxXtjtw7PGAAAAAAAAAAAAAAAAAAAAAAAAAAAAAAAAAAAAAAAAAAAAAAAAAAdD8L\\APXef1eHqno0\\a8ur7nCzbmjqOaX2ARQgXYtwFhoGYAAAAAAAAAAAAAAAAAAAAK9TsaBAAAtp3KeY+Zl3r9Fh7Y+kaAAAAAAAAAAAAAAAAAAAAAAAAAAAAAAHYnAt36xP1VvXQ3p93l4r2x24dnjAAAAAAAAAAAAAAAAAAAAAAAAAAAAAAAAAAAAAAAAAAAAAAAAAAOh+F\\+u8\\q8PVPRp+15dX3OFm3NHUc0vsAihAuxbgLDQMwAAAAAAAAAAAAAAAAAAAAV6nY0CAABbTuU8x8zLvX6LD2x9I0AAAAAAAAAAAAAAAAAAAAAAAAAAAAAAOxOBbv1ifqreuhvT7vLxXtjtw7PGAAAAAAAAAAAAAAAAAAAAAAAAAAAAAAAAAAAAAAAAAAAAAAAAAAdD8L\\wDXef1eHqno0\\a8ur7nCzbmjqOaX2ARQgXYtwFhoGYAAAAAAAAAAAAAAAAAAAAK9TsaBAAAtp3KeY+Zl3r9Fh7Y+kaAAAAAAAAAAAAAAAAAAAAAAAAAAAAAAHYnAt36xP1VvXQ3p93l4r2x24dnjAAAAAAAAAAAAAAAAAAAAAAAAAAAAAAAAAAAAAAAAAAAAAAAAAAOh+F\\+u8\\q8PVPRp+15dX3OFm3NHUc0vsAihAuxbgLDQMwAAAAAAAAAAAAAAAAAAAAV6nY0CAABbTuU8x8zLvX6LD2x9I0AAAAAAAAAAAAAAAAAAAAAAAAAAAAAAOxOBbv1ifqreuhvT7vLxXtjtw7PGAAAAAAAAAAAAAAAAAAAAAAAAAAAAAAAAAAAAAAAAAAAAAAAAAAdD8L\\8AXef1eHqno0\\a8ur7nCzbmjqOaX2ARQgXYtwFhoGYAAAAAAAAAAAAAAAAAAAAK9TsaBAAAtp3KeY+Zl3r9Fh7Y+kaAAAAAAAAAAAAAAAAAAAAAAAAAAAAAAHYnAt36xP1VvXQ3p93l4r2x24dnjAAAAAAAAAAAAAAAAAAAAAAAAAAAAAAAAAAAAAAAAAAAAAAAAAAOh+F\\wDrvP6vD1T0afteXV9zhZtzR1HNL7AIoQLsW4Cw0DMAAAAAAAAAAAAAAAAAAAAFep2NAgAAW07lPMfMy71+iw9sfSNAAAAAAAAAAAAAAAAAAAAAAAAAAAAAADsTgW79Yn6q3rob0+7y8V7Y7cOzxgAAAAAAAAAAAAAAAAAAAAAAAAAAAAAAAAAAAAAAAAAAAAAAAAAHQ\\C\\\\Xef1eHqno0\\a8ur7nCzbmjqOaX2ARQgXYtwFhoGYAAAAAAAAAAAAAAAAAAAAK9TsaBAAAtp3KeY+Zl3r9Fh7Y+kaABBuMK0YxzFYJZsOwqsnhiar3PbGqNsm2yrtXyJrNzDK9o55a2GHTKtOZdC4F3B8Lq8YxCGiw+NslTNfi2q9G57IqqiKq2VdS6i4y5XaM55zCb1hLh1dDSuqZaOoZTNlWF0ro1RiSJtaq7L+Qm17kzxt23fcJw+fFcSpqCjRi1NQ9I40e7KiuXYlyyb3aGWUwnNUNVBLS1MtPUxujniescjHJZWuRbKi+0lm3RqWWbxjNFLA\\JNG+N9r5XtVq26bKCWXswAsV1FVUE\\EV1PNTzZUdklYrVsqXRbLuUWWd0mUy6xXCgHxFRdiovmIJ5KWojpYqmSCVtNKqtjlcxUa9U2oi7FsXa905pvt8oQoAAAAAAAAAAdicC3frE\\VW9dDen3eXivbHbh2eMAAAAAAAAAAAAAAAAAAAAAAAAAAAAAAAAAAAAAAAAAAAAAAAAAA6H4X\\67z+rw9U9Gn7Xl1fc4Wbc0dRzS+wCKEC7FuAsNAzAAAAAAAAAAAAAAAAAAAABXqdjQIAAFtO5TzHzMu9fosPbH0jQBfwDEZcIxuir6dsbpYJUcjZW5mruVFTzKpcby3djPGZ43Gu0eEDSbTh+kFVgNBJI6KNG2XDKVzVejmI5EV2tU1LuVDvqZ6m\\LHi0NLR5Jnl\\l1vjOjOOYNSRVeLYZVUkEzla18rbXd0L0L5zjcMpN7Hsw1cM7tjXMuDbRZazRzGMRnpoJ56uNaLDIJ3tZxsydsrmq7emX22VDppYby15+I1ds5jL261y+pjxbSWTQCopcHjjqaaZtdVup2JGynj4yyN1rvRrlt5Dpd8uXo88uOn6kt+0cR04fFo9Hj1PR6R0ldLilTJynDY41eyJquzI\\PsSRtre3yHPP8O+17u+jLqctuO23yq8HehWPv0iwfFJcPfTUEVTHKs1S5I0cl79qi61vushNPTy3l26Na+vhyXGXes9KcJweHhFq4Zpq3G5amed81JQxrFLHMrlc1iK5FRyW22Lljjz+TTzzulLOnbu5tpnSPxHD4almjFJiUdFhuuesxFVnVETt0Yje7Vi7XKm1FsdM5vN9nm0cpjdubbe\\Edb6C6CT6Y4Xik1DWsjqqNERsD41tIqoqp297JeypsOOGnzy7V7NbiJo5SWdK5Rwr4PE6LAKLj55tI4aCnp0oII87Wt1ornP3XddE83tOmrjvtPlw4bOzmv8u96uO4voHM\\FKOi0anixKV9NnqEbMzLDK23GMSRbNW2ZF6URdZi6V32xdsOIklup0azHdCsYwTCI8TrG0r6V0vEuWnnbKsb7Xs7LqT3qZy08sZvW8NfDPLlixpLjdFpHgWFcThaQ45S3jqpaaHKyWKyI11m77qm7f5bDLKZSdOqaendPK73pXKcNwvGqzgaqMNdh83Gdkmuh5VaJI41TMrkV9rJdFT\\uU6THK6e2zhlnhOI5t\\hwzHtDcWwTCKbE6ttNLRzPWPjKadsyMf8AZcrdV9S7FU55aeWM3r0Ya+OeXLO7jhh2AAAAAAAAAHYnAt36xP1VvXQ3p93l4r2x24dnjAAAAAAAAAAAAAAAAAAAAAAAAAAAAAAAAAAAAAAAAAAAAAAAAAAOh+F\\+u8\\q8PVPRp+15dX3OFm3NHUc0vsAihAuxbgLDQMwAAAAAAAAAAAAAAAAAAAAV6nY0CAABbTuU8x8zLvX6LD2x9I0EHOdGsYSvx\\DMMwPA8JoFnmZG6dYOUyomrM\\NJdEsiOXUh2xy3smMeXUw5cLlnlb\\hzXS+ev0xwqrx3QrE8TYtJK6Crw2KociK1qrlkYiLruiXtvTzHTO3Oc2FefSmOllMNWTr8uoKrGcTq6ZaarxGsnp8yPWKWZzm5k32VdutTz3K3u98wxxu8jm+hbMNxfA8Po5cSxJ+O09Q+Oho45VjjgzrdZ8yJdEal3Lr3W3nXDayTfq82tzYZWyTb5v8A6WKPHWVGnNbjLKmZmjmDMZkakio2ZIm5YG2vrc5\\bea6lmX4rl8RLp7acw2\\Ff8AtaLHU0fxrRp+L0DY8LxqGRG1dBxiuZUZ11yR5te1Vum73Xxly5Y7zpXXD1MM+TLrPLlnBvPU1tdg2NaWVss1JBIygwimevOy9zmRN6MTa7pt0HTTttmWX7OHESYy4ac696pVNNBDw24VPTYomJNqq5szpLWdG7M5qxuTcqZbeaxNv\\JNq1Lbw9lm20brD6elpdK8VWjp46eBcErLqylmhYq3VVVHSrd+3ukshqSTK\\2csrbhN\\M8f+mg0MwbFZ9DZOyFSzANFuMSpqq1UVs1Va2Vrd6oltW6\\SYwxvL16R21c8ZqdJzZePDZ6f1dBWYph9FPXzUeBQYdTTMiijzVlbmzIxl96onStkzLqVVNallu3w56GOUxtk3u9\\tEWMV3+wQaO0+FQriVQxYKLBoe2TD2v2ySv2unVNuxGpe4t6cu37Lhj19S3p83z\\b7IMX0wqNBqnDtH9G5aaanw1ipXK6NHMqahy3fffq2XTykup6e2OPw1jozXl1M\\nt\\ZW4PsXp8V08xaCOhioqfG6WaJIYlW0L0bnRWru1tVfPYmnlvnenddfC46Uu+\\K2lLX4biOglSk9JpDpOrMTi41lRLle6RYn60ViOVWJr1LvVDW8uPzWLjljqdLMejT6VuTDeCfRnD42Ph5dVT1ro3Lra1FVGovT3Se4zn005HTS\\Fr5ZX46Ouji9YAAAAAAAAA7E4Fu\\WJ+qt66G9Pu8vFe2O3Ds8YAAAAAAAAAAAAAAAAAAAAAAAAAAAAAAAAAAAAAAAAAAAAAAAAAB0Pwv\\wBd5\\V4eqejT9ry6vucLNuaOo5pfYBFCBdi3AWGgZgAAAAAAAAAAAAAAAAAAAAr1OxoEAAC2ncp5j5mXev0WHtj6RoA5ZhUiaMYFPiD1y4xiMLoKOO\\bQwO1PmXoVydq32r0HSfgm\\zXDL\\AMuXL8Tv\\fwq6C6V1miGNNraNOMhciMnp1WySsvsvuVNymcM7hd41raM1cdq7F04i4PNJKCPGYMXjwnEahFc5scavc529JIk2L5dV\\Kd8\\Tym++zyaN19O8m28cD0mpm6KPp4MHrOOTEMMjfNUIllcj7q5GX1taqIiLvtqXecspye35enTvq73Odqj0rpIcExDDKClnfJC2np6uaKRyOjSZ7UVy22KlrezVsJnOWyQ0rc5cr9421XNgmBcK9SxkFHUaPum4mWNzUkjbG9EzK3bbKq3RU16jV5cdT7MSZ56H9SXAKxcX4XsJZBVMkoKWt4uj1ZI2wMVcrWN3XRPOq7RjebUiZ48mhd51s6\\3V8CqdHaDH6XH63GKzlkdW+pfRRUOeyo91mrJnRNaWW9hjcZea1c5qZYXTk6bd916h0wwKnrK2etm0pxR1VTTUjuUzRWayTU5WpdcupEsWamPzvWctDOySbTbr8tLpxjtDitNg9Bg1XiSYVSQ8WlPW2XiXX23TutS7dyJZDGeUykk7Omjp5YXLLKTe+G64ScWZgulrYcGWJ1VSUFPStrO6dFZl+0TY11nJ22tU3WN6uXLl0c+Hw58N8u1t6NbhencuE6JNw\\D6ZG4w58rXYk9EWSOJ63ysdtuq31rs3EmpZjtO7eXDzLPmvbw49owzCZsdpWaRSVEeHPfaWSFyI5t963Re16ba95zx23\\E7anNMbyd3JtJsYXRzhLdVYQ2ifT4baKjjh1xJGrFREum1e3VVXep0yy5c+nw4aeHqaO2Xz3a2m040hdidHNWY3XLDHOx72sfkblRyZkytsipa+oz6mW\\Wt3h9PlskT8KGlMGlGkDJMPjWPDqSPiKdFSyuS91cqbrr+SF1c+e9E4bRuljte9cPOb0AAAAAAAAADsTgW79Yn6q3rob0+7y8V7Y7cOzxgAAAAAAAAAAAAAAAAAAAAAAAAAAAAAAAAAAAAAAAAAAAAAAAAAHQ\\C\\\\Xef1eHqno0\\a8ur7nCzbmjqOaX2ARQgXYtwFhoGYAAAAAAAAAAAAAAAAAAAAK9TsaBAAAtp3KeY+Zl3r9Fh7Y+kaAPr3Oe7M9znOXe5bqB8AAF12vu1EBde0oWA+sc5j0cxzmuRborVsqe0FfCAUAC61uutQAAAAIBQAAAAAAAAAAOxOBbv1ifqreuhvT7vLxXtjtw7PGAAAAAAAAAAAAAAAAAAAAAAAAAAAAAAAAAAAAAAAAAAAAAAAAAAdD8L\\wDXef1eHqno0\\a8ur7nCzbmjqOaX2ARQgXYtwFhoGYAAAAAAAAAAAAAAAAAAAAK9TsaBAAAtp3KeY+Zl3r9Fh7Y+kaXcHo1rq5kPEVMzLKr0p25noltqJvsti4zes55cscoZopA7BONbFiC1XFxOVzYMzVct1dlu5Lprai9Hlub5Ojh615tujX6OYLR11PG6tdkkfWJTWdUtismW65UVFzOvuJjjLOrepqXHt4fMRwGJ7aFmFZZJ6iokgsypbM1MqJrVURLbVVeiwuPbYx1L15lyPRygfPiTXVMbYaWVkSu5Q1HtsqtkcqLsRVS6Iu4vJOrPq5dPuoYNg9LUQVzp3LO+GdkUfFSOyvRUcqqmRj1XuU8hnHGXfdvLOyzZc0gwGlpqhlJRxpE507Imyyvmc5yra6a40ZqVdy7ENZYydIzhqW9b\\6fX6PUccr6hZVfQU8ckc6ox90mY1EVbb0V7roibkHJO6erbNvlroMC\\wBrkiczEKuJscb2yUcCL3bUcl0ds1KTl6t3U6eP7p9ItHm4Y6dlPDij+KejVmmia2JUXfdPOMsNkw1ebvs2cGidHLWYdFHUtcr14qRr3ZUme1qq9WORVWyLZLWTp3muSbxi61ktaulwKnnxHEYGVUTmU9I+ZuVznqjkTflat7O2pt2GeWb2N3Uskuy7W6NUVNgbqnjataiKNZpERre5Vrcu+1rru169hbhJGZq5XLZJHorRsfhqT1sKo9HLUN4xUeq2bZrURNyusvvHJOnUuteu0a+TRxtNUNbNOtTE+B8n+z2a9tra8r7ZtutE12JybNervOiVui6OwxGpVUvZHj1S2Z9svE8Zl7m2a2vo8o5Oier1+3\\64qi3RFTYqXObunpFp2zotYyV8Nlu2JyNdfdrVFLNvlLvt0clqMHw6nwmmrpKDFv47XypGkzLtibZOMVcupFVyfM6cs232cZnlcrjvFfB8Fp8QSmVGSNbIsiucs6WRibLqiLlcm9FREVNaKTHHdcs7juxx\\BqWlWnWhlY2CZyoyaSZXNc3cq9oiN2LdLqqDLGTsYZ277rGI6MRQ1NZK2thhoILJm1yuRe0uiolt70XzFuG25jq2ydOqCLR7iExSau42Smo5Ep2ugSzpJVVERWou1ERbqnmTeTk77l1N9tvljiuDQwRUUdDT4lLUVUbJGulYjUbmcrcioibbom\\eS4+Fxzt3326NjPo3RQPfDIypfJAmSR8dTGiSPRiPerGql1REcnuNckjE1cr1cex+kgoMYq6SlWV0cD1jzS2uqptXUYym12jthbljLXNOBbv1ifqreuhrT7vPxXtjtw7PGAAAAAAAAAAAAAAAAAAAAAAAAAAAAAAAAAAAAAAAAAAAAAAAAAAdD8L\\8AXef1eHqno0\\a8ur7nCzbmjqOaX2ARQgXYtwFhoGYAAAAAAAAAAAAAAAAAAAAK9TsaBAAAtp3KeY+Zl3r9Fh7Y+kabHR+pgosWgq6p0iMgdxqNjS6vVNjfJfpLjdrvWNSW47Rv6WswVkbIHVMa0KRZFhfFKjnOVyOVzlRFTWqIlk3Iblxcrjn3+VLDsahwqOijpnK9qVjqmoRIkWzdSNa3N5EVb6tqEmUx7NZady338MMVxnltDQI+pc+oZUSyvtEjMjHKiI26al1ILlvIuOG1vRsHYvhsdViEcVTIkeIOqHzTpEtmZrpG1E2qmtVXzp0F5p\\uzyZWS7dtlfD8QoKKnqKWjq3xRzPlzyzROV2RWLG1Go361nOduTYSWTpFuOWVlsS1OOUFQ2FYnTQshrYpuLlbmVzGojboqakWyXVF37FLcpUmnlO\\hjiukENXLTLR1FXErauZ7pKleNRGPRE2Iidra\\ai579jHTsl3is+twtuJS1T5qmpjgbFHTwtYsbZsjGtRXrfU27dlrqhN5vuvLltshxDFYMXpnS4k6obibUskjNcc6X1I9u5UTem1EQlu\\W92scLjdsezYVuNUs0kzIauSKJzXU0bmwrmjiRiK3Ku1Ec\\Uv1rW1mrlGJhZ8MW6QNZVVz46nKtZQox06Q5ZUly7FVu3tlurk22QnOen0nTtWzxPHMJqMProWVz1fNSpC1Vp3JdyI3bq3q3p3mrljZWMdPOWXZrKXSKHktAyp7mFk2eGGJGpdVTLbYiKqXRXa1S67zMz7N3Tu92RVuMUclTx2Z0746SVGK+FGtWeRzl2XXtWo6yX+yguU7rMLts3Mel1E2RIlmxDiURVvdMnMZMuXblvr85rnjn6OXf8A73cJqJKd9LRMgg4qaOLLO5FVeMddbLr2arJq1HLp0emb73cw+qSjqmTrBDOrNaMmbmbfcqpvttEu3UynNNm3qNIJ3RYXUNnfJiEEk75VkbdHI9W6l3KioioqdGo1z3o5zTnWfHRlhuK0UEdPE6JGZ3PdK5GrkjVz2qnaprcjWt1JuVb7hMpDLC3qmrcXwzEqmKCohkpqRKt08kkaqvGNW97s+0qWS+66luUqY4ZYzed1iox\\D5qGqZUJNO+qV8zmMTi0Y50kaoxHa72Rm3fqLcpYzNPKXopSYrTzVuNSNnmgZVyxvhcjVVWWkRyrZNiomsnNN63MLJPsz0hxKKrw+mZT4zWTPhp2xOifG9qSuRyrmVVd5U29Ayu86VMMbL1xZzaQo7EHQwSRR0UqpmmfAr3NRYmMdZNqdzuHN1SaXTr3abH6qOtxuuqoMyxTTOezMllsq6tRnK73d1wm2Mlc14Fu\\WJ+qt66GtPu8\\Fe2O3Ds8YAAAAAAAAAAAAAAAAAAAAAAAAAAAAAAAAAAAAAAAAAAAAAAAAAB0Pwv\\13n9Xh6p6NP2vLq+5ws25o6jml9gEUIF2LcBYaBmAAAAAAAAAAAAAAAAAAAACvU7GgQAALadynmPmZd6\\RYe2PpGl3BqJmI4pTUklQynbK9G8Y\\ddbWTyrsQsm92Zzy5Zu5FX4Hh9TA+Sg4uGokcrKaFKxHtejE7dy9omvVsvtXoN3GXs5Y6mU7\\8ADHQ\\BqKvbDJWQtkRH5nfx7IjN6uamxPOMMZe6audx7I8UwnDqWro0Vj2U75LyZJkke5q62ojdyLbutiEyxkXHPKytpJg2DuifUcj4uKZeL7WtRUidlzLl1a9dm+ZVU1y4sepn23\\AMOP4RgkeKQV1Q1aqJsEjGNhiiSV65kcu9zdmX8zGOPNu65Z8tkXtJcKoGIi4XFKjpKhscScWjWuzRtXKiq9elFvbfY1ljPhnTzy\\mSx6Muimpad9BPUMfG5k9XE7M1sjtisS+tGar9OvyDk+Nk9Xfe7uMYjRS4fVup5nROciIqOiej2uRdioqHOzbo7Y5TKbxVctmOXoRQ059LgVDHG+RKGJ0aI2NnbvVyv4qN6q7tkS3brsOvLPDy+pl5aWbCKZuOVsNYsVLSUkd3rErlRXKnaIiLdbqqpe19SKZuM32rpM7yyzragx3DKSlZA+CshzLSRyKxI5LyOVNaoqpZL+UmWMnZcM7e8bKlwTC4MPklr0r2SyQo5I3xMzxMumaZGo6+VNiX1re9jUxknVm6mVu0\\79mmx\\DYsOliSmWokgkRVZNIjckiblYrVW6eeyoZym3Z0wyuXdqjLbldJo7C7DIVqGSrO6nWqc+GRLoiuRrWKll3Xcttl9Z0mHRwupd+i1iWjmGM0jw6khfK2KperZIsyK5qIxFRUW2q69Ny3CbyJjq5clvhfh0Xw2ow+n4uklSd0jkutRZV7VFsrslvyLyTbsxdXKXu1ejWEUdRBUVlVhlQsVPdEdJUXjkeq2ayzWKq23ql01eWxnHGXrY3qZ2WSVBWYTQU9RQRvp3RMqXutLLWKjERu2942qnnJcZFmeVlsv8Aj\\8AW0fg2ENp3o6jRJG06XXjJLtci5lcqWv3O+3sN8mLHqZb91LAtH6Wrr6lJIXSwtmWKNY5M0b0VLXR2W62231GccZa1nqWSINK8EpsOpI30kU6cWqRue7Y9Nfbu7VNa6rW1EzxknRdLUuV6uLGHcA7E4Fu\\WJ+qt66G9Pu8vFe2O3Ds8YAAAAAAAAAAAAAAAAAAAAAAAAAAAAAAAAAAAAAAAAAAAAAAAAAB0Pwv\\13n9Xh6p6NP2vLq+5ws25o6jml9gEUIF2LcBYaBmAAAAAAAAAAAAAAAAAAAACvU7GgQAALadynmPmZd6\\RYe2PpGlnDKhtJidHUvRVbDMyRUTaqNci\\wCAl2u6ZTeWOTdnmLMrnaRYq6FVW8fJG9yu1NvQdOf7uHp\\0xW0axujwlnFq2ZUkmR73K26MYmyyIvbOt5rKu8mOUxa1NO59UOJ49HUzUlVBE6Osge66qlke1dyuRUcvmXXr2kuW\\WLjp7by9myp9Lmo2V6xNhelMrEZeR\\GSrqui5+1bv16+g16jF0Wvw7SCOldHI6FXzvqnVEz3XcjVy5WK1L3dZHOWyrtsSZbNZae75iuJ4biOGwQqysjko2tgp7q1yPjul3vX7Vktbza9RLlLFxxyxu\\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\\JvMY5bR1yw5rKzxLFaevjwlk0a5YHOdOjWWRUc5FVGpdVXUm3yi5b7Jjhcd3Iv3owd9Q5JWTrTOVWuTk3bKxdVr8ZfYb545elnt0\\wC\\4cc0fxWDDYZ1kijdIrHNbaK7pMzVTKr1XtWpt1JddhjHLZ2zwuTHFMUjqMOoKSGGFzYaaON0j4kSRr0Vc2V22y6v5C5dJDHDa2tOZdADsTgW79Yn6q3rob0+7y8V7Y7cOzxgAAAAAAAAAAAAAAAAAAAAAAAAAAAAAAAAAAAAAAAAAAAAAAAAAHQ\\C\\8A13n9Xh6p6NP2vLq+5ws25o6jml9gEUIF2LcBYaBmAAAAAAAAAAAAAAAAAAAACvU7GgQAALadynmPmZd6\\RYe2PpGgAAAAAAAAAAAAAAAAAAAAAAAAAAAAAB2JwLd+sT9Vb10N6fd5eK9sduHZ4wAAAAAAAAAAAAAAAAAAAAAAAAAAAAAAAAAAAAAAAAAAAAAAAAADofhf\\rvP6vD1T0afteXV9zhZtzR1HNL7AIoQLsW4Cw0DMAAAAAAAAAAAAAAAAAAAAFep2NAgAAW07lPMfMy71+iw9sfSNAAAAAAAAAAAAAAAAAAAAAAAAAAAAAADsTgW79Yn6q3rob0+7y8V7Y7cOzxgAAAAAAAAAAAAAAAAAAAAAAAAAAAAAAAAAAAAAAAAAAAAAAAAAHQ\\C\\\\AF3n9Xh6p6NP2vLq+5ws25o6jml9gEUIF2LcBYaBmAAAAAAAAAAAAAAAAAAAACvU7GgQAALadynmPmZd6\\RYe2PpGgAAAAAAAAAAAAAAAAAAAAAAAAAAAAAB2JwLd+sT9Vb10N6fd5eK9sduHZ4wAAAAAAAAAAAAAAAAAAAAAAAAAAAAAAAAAAAAAAAAAAAAAAAAADofhf8A67z+rw9U9Gn7Xl1fc4Wbc0dRzS+wCKEC7FuAsNAzAAAAAAAAAAAAAAAAAAAABXqdjQIAAFtO5TzHzMu9fosPbH0jQAAAAAAAAAAAAAAAAAAAAAAAAAAAAAA7E4Fu\\WJ+qt66G9Pu8vFe2O3Ds8YAAAAAAAAAAAAAAAAAAAAAAAAAAAAAAAAAAAAAAAAAAAAAAAAAB0Pwv\\13n9Xh6p6NP2vLq+5ws25o6jml9gEUIF2LcBYaBmAAAAAAAAAAAAAAAAAAAACvU7GgQAALadynmPmZd6\\RYe2PpGgAAAAAAAAAAAAAAAAAAAAAAAAAAAAAB2JwLd+sT9Vb10N6fd5eK9sduHZ4wAAAAAAAAAAAAAAAAAAAAAAAAAAAAAAAAAAAAAAAAAAAAAAAAADofhf\\AK7z+rw9U9Gn7Xl1fc4Wbc0dRzS+wCKEC7FuAsNAzAAAAAAAAAAAAAAAAAAAABXqdjQIAAFtO5TzHzMu9fosPbH0jQAAAAAAAAAAAAAAAAAAAAAAAAAAAAAA7E4Fu\\WJ+qt66G9Pu8vFe2O3Ds8YAAAAAAAAAAAAAAAAAAAAAAAAAAAAAAAAAAAAAAAAAAAAAAAAAB0Pwv8A9d5\\V4eqejT9ry6vucLNuaOo5pfYBFCBdi3AWGgZgAAAAAAAAAAAAAAAAAAAAr1OxoEAAC2ncp5j5mXev0WHtj6RoAAAAAAAAAAAAAAAAAAAAAAAAAAAAAAdicC3frE\\VW9dDen3eXivbHbh2eMAAAAAAAAAAAAAAAAAAAAAAAAAAAAAAAAAAAAAAAAAAAAAAAAAA6H4X\\67z+rw9U9Gn7Xl1fc4Wbc0dRzS+wCKEC7FuAsNAzAAAAAAAAAAAAAAAAAAAABXqdjQIAAFtO5TzHzMu9fosPbH0jQAAAAAAAAAAAAAAAAAAAAAAAAAAAAAA7D4Fu\\WJ+qt66G9Pu8vFe2O3Ts8YAAAAAAAAAAAAAAAAAAAAAAAAAAAAAAAAAAAAAAAAAAAAAAAAAB0Pwv\\ANd5\\V4eqejT9ry6vucLNuaOo5pfYBFCBdi3AWGgZgAAAAAAAAAAAAAAAAAAAAr1OxoEAHxy5WuXoRVA7noeBHEqqip6huM0TWyxteiLA\\VdEXp8p5Lw937vqY8fjJJsn\\oJxP8A53Rf3d\\6k+nvlf4hj+k\\oJxP\\ndF\\d3\\AKj6e+T+IY\\pP6CcT\\53Rf3d\\wCo+nvk\\iGP6T+gnE\\+d0X93f8AqPp75P4hj+k\\oJxP\\ndF\\d3\\AKj6e+T+IY\\pP6CcT\\53Rf3d\\wCo+nvk\\iGP6T+gnE\\+d0X93f8AqPp75P4hj+k\\oJxP\\ndF\\d3\\AKj6e+T+IY\\pP6CcT\\53Rf3d\\wCo+nvk\\iGP6T+gnE\\+d0X93f8AqPp75P4hj+k\\oJxP\\ndF\\d3\\AKj6e+T+IY\\pP6CcT\\53Rf3d\\wCo+nvk\\iGP6T+gnE\\+d0X93f8AqPp75P4hj+k\\oJxP\\ndF\\d3\\AKj6e+T+IY\\pP6CcT\\53Rf3d\\wCo+nvk\\iGP6T+gnE\\+d0X93f8AqPp75P4hj+k\\oJxP\\ndF\\d3\\AKj6e+T+IY\\pP6CcT\\53Rf3d\\wCo+nvk\\iGP6T+gnE\\+d0X93f8AqPp75P4hj+k\\oJxP\\ndF\\d3\\AKj6e+T+IY\\pP6CcT\\53Rf3d\\wCo+nvk\\iGP6T+gnE\\+d0X93f8AqPp75P4hj+k\\oJxP\\ndF\\d3\\AKj6e+T+IY\\pP6CcT\\53Rf3d\\wCo+nvk\\iGP6T+gnE\\+d0X93f8AqPp75P4hj+k\\oJxP\\ndF\\d3\\AKj6e+T+IY\\pP6CcT\\53Rf3d\\wCo+nvk\\iGP6XJtA+Cyu0br6uonxOmnbNEkaIyJzVRUde+tTWOhZ8uOtxeOpJJHNf3cm8Yj+FTfpVw9aeD93JvGI\\hUelT1p4P3cm8Yj+FR6VPWng\\dybxiP4VHpU9aeD93JvGI\\hUelT1p4P3cm8Yj+FR6VPWng\\dybxiP4VHpU9aeD93JvGI\\hUelT1p4P3cm8Yj+FR6VPWng\\dybxiP4VHpU9aeD93JvGI\\hUelT1p4P3cm8Yj+FR6VPWng\\dybxiP4VHpU9aeD93JvGI\\hUelT1p4P3cm8Yj+FR6VPWng\\dybxiP4VHpU9aeD93JvGI\\hUelT1p4P3cm8Yj+FR6VPWng\\dybxiP4VHpU9aeD93JvGI\\hUelT1p4P3cm8Yj+FR6VPWng\\dybxiP4VHpU9aeD93JvGI\\hUelT1p4P3cm8Yj+FR6VPWng\\dybxiP4VHpU9aeD93JvGI\\hUelT1p4P3cm8Yj+FR6VPWng\\dybxiP4VHpU9aeD93JvGI\\hUelT1p4P3cm8Yj+FR6VPWng\\dybxiP4VHpU9aeD93JvGI\\hUelT1p4P3cm8Yj+FR6VPWng\\dybxiP4VHpU9aeD93JvGI\\hUelT1p4P3cm8Yj+FR6VPWng\\dybxiP4VHpU9aeD93JvGI\\hUelT1p4P3cm8Yj+FR6VPWng\\dybxiP4VHpU9aeD93JvGI\\hUelT1p4P3cm8Yj+FR6VPWng\\dybxiP4VHpU9aeD93JvGI\\hUelT1p4ec+G2mWk4QKmFzkcqU8K3RP7KnXCbTZxzy5ru4GaZR1HNL7AIoQLsW4Cw0DMAAAAAAAAAAAAAAAAAAAAFep2NAgAxl5qT0V+QHuDAO8eHerR9RCKvgAAAAAAAAAAAAAAAAAAAAAAAAAAAAAAAAAAAAAAAAAAAAAAAAAFAXAAAAAAAAAAAAAAAAAAAAAAAAAAAAAAAFwPK\\D99JVX6tB1VLEddAR1HNL7AIoQLsW4Cw0DMAAAAAAAAAAAAAAAAAAAAFep2NAgAxk5t\\or8gPUuFqvYyi1rzEe\\wDsIeS93tnZauvSvvAXXpX3gLr0r7wF16V94C69K+8BdelfeAuvSvvAXXpX3gLr0r7wF16V94C69K+8BdelfeAuvSvvAXXpX3gLr0r7wF16V94C69K+8BdelfeAuvSvvAXXpX3gLr0r7wF16V94C69K+8BdelfeAuvSvvAXXpX3gLr0r7wF16V94C69K+8BdelfeAuvSvvAXXpX3gLr0r7wF16V94C69K+8BdelfeAuvSvvAXXpX3gLr0r7wF16V94C69K+8BdelfeAuvSvvA47whPcmhWLqjnIvEprRVT67TOftrro\\mR0Is0vhZfjU4Po7R846XwsvxqN12hx0vhZfjUbm0OOl8LL8ajc2hx0vhZfjUbm0OOl8LL8ajc2hx0vhZfjUbm0OOl8LL8ajc2hx0vhZfjUbm0OOl8LL8ajc2hx0vhZfjUbm0OOl8LL8ajc2hx0vhZfjUbm0OOl8LL8ajc2hx0vhZfjUbm0OOl8LL8ajc2hx0vhZfjUbm0OOl8LL8ajc2hx0vhZfjUbm0OOl8LL8ajc2hx0vhZfjUbm0OOl8LL8ajc2hx0vhZfjUbm0OOl8LL8ajc2hx0vhZfjUbm0OOl8LL8ajc2hx0vhZfjUbm0feOl8LL8ag2ipUuV0qq5yuWya1W57tD2Pjcb+bf2RHZ5EdRzS+wCKEC7FuAsNAzAAAAAAAAAAAAAAAAAAAABXqdjQIAMZObf6K\\ID1Lhfeyi+4j6iHkvd7Z2WQoAAAAAAAAAAAAAAAAAAAAAAAAAAAAAAAAAAAAAAAAAAAAAAAADjvCJ\\UnGPuU67TOftrpo\\mR0Cu04PpAAAAAAAAAAAAAAAAAAAAAAAAAAAAAAABXn5z2Hu0PY+Nxv5t\\ZGdnkR1HNL7AIoQLsW4Cw0DMAAAAAAAAAAAAAAAAAAAAFep2NAgAxk5t\\or8gPUuF97KL7iPqIeS93tnZZCgAAAAAAAAAAAAAAAAAAAAAAAAAAAAAAAAAAAAAAAAAAAAAAAAOO8In9ScY+5TrtM5+2umj+ZHQK7Tg+kAAAAAAAAAAAAAAAAAAAAAAAAAAAAAAAFefnF8x7tD2Pjcb+bf2RnZ5EdRzS+wCKEC7FuAsNAzAAAAAAAAAAAAAAAAAAAABXqdjQIAMZObf6K\\ID1Lhfeyi+4j6iHkvd7Z2WQoAAAAAAAAAAAAAAAAAAAAAAAAAAAAAAAAAAAAAAAAAAAAAAAADjvCJ\\UnGPuU67TOftrpo\\mR0Cu04PpAAAAAAAAAAAAAAAAAAAAAAAAAAAAAAABXn5xfMe7Q9j43G\\m39kZ2eRHUc0vsAihAuxbgLDQMwAAAAAAAAAAAAAAAAAAAAV6nY0CADGTm3+ivyA9S4X3sovuI+oh5L3e2dlkKAAAAAAAAAAAAAAAAAAAAAAAAAAAAAAAAAAAAAAAAAAAAAAAAA47wif1Jxj7lOu0zn7a6aP5kdArtOD6QAAAAAAAAAAAAAAAAAAAAAAAAAAAAAAAV5+cXzHu0PY+Nxv5t\\ZGdnkR1HNL7AIoQLsW4Cw0DMAAAAAAAAAAAAAAAAAAAAFep2NAgAxk5t\\or8gPUuF97KL7iPqIeS93tnZZCgAAAAAAAAAAAAAAAAAAAAAAAAAAAAAAAAAAAAAAAAAAAAAAAAOO8In9ScY+5TrtM5+2umj+ZHQK7Tg+kAAAAAAAAAAAAAAAAAAAAAAAAAAAAAAAFefnF8x7tD2Pjcb+bf2RnZ5EdRzS+wCKEC7FuAsNAzAAAAAAAAAAAAAAAAAAAABXqdjQIAMZObf6K\\ID1Lhfeyi+4j6iHkvd7Z2WQoAAAAAAAAAAAAAAAAAAAAAAAAAAAAAAAAAAAAAAAAAAAAAAAADjvCJ\\UnGPuU67TOftrpo\\mR0Cu04PpAAAAAAAAAAAAAAAAAAAAAAAAAAAAAAABXn5xfMe7Q9j43G\\m39kZ2eRHUc0vsAihAuxbgLDQMwAAAAAAAAAAAAAAAAAAAAV6nY0CADGTm3+ivyA9S4X3sovuI+oh5L3e2dlkKAAAAAAAAAAAAAAAAAAAAAAAAAAAAAAAAAAAAAAAAAAAAAAAAA47wif1Jxj7lOu0zn7a6aP5kdArtOD6QAAAAAAAAAAAAAAAAAAAAAAAAAAAAAAAV5+cXzHu0PY+Nxv5t\\ZGdnkR1HNL7AIoQLsW4Cw0DMAAAAAAAAAAAAAAAAAAAAFep2NAgAxk5t\\or8gPUuF97KL7iPqIeS93tnZZCgAAAAAAAAAAAAAAAAAAAAAAAAAAAAAAAAAAAAAAAAAAAAAAAAOO8In9ScY+5TrtM5+2umj+ZHQK7Tg+kAAAAAAAAAAAAAAAAAAAAAAAAAAAAAAAFefnF8x7tD2Pjcb+bf2RnZ5EdRzS+wCKEC7FuAsNAzAAAAAAAAAAAAAAAAAAAABXqdjQIAMZObf6K\\ID1Lhfeyi+4j6iHkvd7Z2WQoAAAAAAAAAAAAAAAAAAAAAAAAAAAAAAAAAAAAAAAAAAAAAAAADjvCJ\\UnGPuU67TOftrpo\\mR0Cu04PpAACWlp5qupip6WJ808rsrI425nOXoRBJv0iWyTelXTT0dRJT1cMkE8a2fHI1WuavlRRZt3JZZvEQVyfRPQ2v0kw3Fa2lVI4qGO6K5iqk0ng22+tb5p0m8NO5y2OGrr46dkvy2+jvBtiVbVV1Ni8U1DNHQLUwJmYuaRVXJG\\XqVbO1alS1zWOlbvKxqcVjJLj16uP6QaL1uBUFLU1lRQP496s4qnqWyujVEv21unX7jGWFxm9ddPWxztkamKiqpqOerhp5n0sCtSWVrFVsau2Zl3XM7Xu6XKSyfLPD8NrsSkWPDqKpq3pa7YInPVPPZNQkt7Jlnjj3uzPGMIxDBaptNitJLSVDmJIkciWVWrsXUW43G7Uwzxzm+N3UTLS6mFV64OuKpSyrhyS8StQidqj7Xymtrtuzz483Lv1UiNLFBR1GIVsNJRROmqZnZI422u5ehLiS27RMspjN6jqIZKeeWCdjo5onKx7HJZWuRbKii9Fll6xGi32EAoAAAAAAAAAAFefnF8x7tD2Pjcb+bf2RnZ5EdRzS+wCKEC7FuAsNAzAAAAAAAAAAAAAAAAAAAABXqdjQIAMZObf6K\\ID1Lhfeyi+4j6iHkvd7Z2WQoAAAAAAAAAAAAAAAAAAAAAAAAAAAAAAAAAAAAAAAAAAAAAAAADjvCJ\\UnGPuU67TOftrpo\\mR0Cu04PpAACWlmkp6qGaF6skje17XItlRUW6KJ0TKbzau8uEnBdFazSx2KaTY+lKx9LGiUdOmaZy2Wzl1LZNltR6tXHC5b5V83h9TVmHLp47\\d0jiLaVlfO3D5ZZqNHrxUkrMj3N3XTcp5btv0fSxt2\\F3ck0BxHSH94MMhwR09U6kcsrKPj+Kjcy93outEsu1VW5vTuW8mLjr46fLbn8ua6SYZhegLq6up8bjXGq6j4ymhqUWRzXvVUe5qt7XW1Vair5dqHXKTT6y9Xm08stfbG49I6lgw6rnilkp6OokjiYr5HsiVUY1N6rbYeeS17rlJ0tduYDo\\RYdR49JTYhGujmKYbBLHUSrdGIkqJI1yb3JdUttW6IenHGSXr0rwZ6mWVx3n4pVTCaelp8YnxTB5MUw3CMSjWrpm0cnFxJHG\\Kscy5XK3t72+rZyJfWSSS7ztWs7bjy5bWzp1\\wDS\\iWDYO\\St00uG0aUzZZ566bEaiWRI4Y5ERciZ7Kq5rI1UunQqWLccebsxjqZ8m2\\jbZwrRDCME0l0uxLD2JNTQVMU64Y177KyTaxHLv1X1HLDHHLKx6dXPPTwmXju2ujvGM4I9MKCVeLmjrqdkjXrZGKr2ot\\a38jWP5djGp+fhl9qg0lbQy6HUOD6P4bW4g7D3unqcWSmc1i3RcyN1Xy3VNa27kZbcsxxnb5XT3mpc87tv8INDMBpK\\C6LFaGqtiuHYlE+qp3OsqwLIxGvb5lvf\\wC15hjLN53la1dS45XGzpZ0\\u5NpVhuGaS6Sx6OUDFfjUuIVFRVV7I+1gjVXXYuzOiWbr2IuxTecmWXLO7hpZZaeHqXttOjV0OB0umNFUYNFyOm0swnNFE+JEZFiETFtrtqzJ9r377ZmMzm3zG7qXRvP\\Lf8OvcUw6swqtfSYlTS0tSzbHK2y+fyp5UONlxu1evHKZzfGqoaAAAAAAAAAFefnF8x7tD2Pjcb+bf2RnZ5EdRzS+wCKEC7FuAsNAzAAAAAAAAAAAAAAAAAAAABXqdjQIAMZObf6K\\ID1Lhfeyi+4j6iHkvd7Z2WQoAAAAAAAAAAAAAAAAAAAAAAAAAAAAAAAAAAAAAAAAAAAAAAAADjvCJ\\UnGPuU67TOftrpo\\mR0Cu04PpAABs1kHN+GCoWo01Rqp\\EbRUyKibVVY0ds9p11rvk83CzbT\\euLULIaPEaZ2M0dS+kveSJLxPe3+yqoYnS9XbLey8l6ud4VSPxSknq9EdA6d1NH2i1FbUvmVUW6LqVzWrvvb2nWTfrji82V5btqan+zkVE+un0YxOsxLGsLwzEMNSFreSwwVEcEHctYrWNc5Nmrtl+Zub8ttu2zjZjM5McbZf7xRotPKbCZIpqjS3GMZY1HNkpG0bYo36tVlei2S+pb69fkJNST+bdu8Pcukwk\\dyrRbklDotiUqx4fozNVMZxLGosstM2R1o5JnO+05U7WyIifl0x2mN+HDU3yzk65bf96OM6LYHglRiXIaihxasWiikWomkrkigzIqq9IGtVM7XObtuiWS62sc8ccd9tnbU1M5OaWTf7df3UseoKjH6+DCqpdG8JnxCVKiBsLXz1EznIuVXytulnb1vbzkylyu3SLhlNOc83u3+ytg8WAU9BPJhuiddimJYZEsldPUVmSGB7b5lRWrrS7VVNV9RJyydJvY3ldS38We0vbo22CaY1T+DvSmvwygwzCpKWenSJKanRU7Z2tXZr5l8qoaxzvJbOjnnoT1cccrbvuo1uMaZRaM4fpKukUtbhM70iqY6dEjdAt7KxUtZF2oi9NulCXLPlmW\\RqYaNzuny7VseDl+EVmORz4RglJhuEwzMidX4g5Z555HL2sTLrla5Vsq2RbJ7C6e1u8m0Y1+eY7ZZb3xFLTqSsrNMYWYRi1VidJi8zoH0lPJkniSN9nwK5bq1qKrlS+ratrIM97l0u+7ejJNP8U2s\\7ut0+HaO4PQ6VYhhtGrUwXJFR4kyre+R9QuzLsbqVURbIt0vuG2OMtnwzctTO445Xv3n2dcaRaV43pHlTGa99S1i5msyNa1F8iIiHHLPLLu9eno4aftjSGXUAAAAAAAAAV5+cXzHu0PY+Nxv5t\\ZGdnkR1HNL7AIoQLsW4Cw0DMAAAAAAAAAAAAAAAAAAAAFep2NAgAxk5t\\or8gPUuF97KL7iPqIeS93tnZZCgAAAAAAAAAAAAAAAAAAAAAAAAAAAAAAAAAAAAAAAAAAAAAAAAOO8In9ScY+5TrtM5+2umj+ZHQK7Tg+kAbHR+fDabFYZMbo5aygRF4yGKTI5dWpUXzlxsl\\ExnMrjthdq5Q7S\\R6ld\\8J0HwxE3rWzPnVfYuo6epjO2Lj6Opfdnf2WJuFjSBZc9NTYRTLZGpko0VUREsmtV3JZPYPXyZnB6e21tafSnTvGdKMOipMZWklbFIkjJGQIyRFsqWvfYt9nkQznqZZzaumnw+Gld8Wv0b0kxPR6vhqsPqHfwkeiQyKrolRydsitvbXqX2ExzuN3jeppY6k2rk2j9DVUPBfpZXVUPF0tclNHTyXS0i8Y69rdBvGWYW35cdTKZa2GM+N3B6KqkoqyOpgSNZYlzMV7EciLuWy6tW3Wcpdru9FnNNq5RheJpNobpgtfWcbXVj6VU4195JVSS6rr22RDpL+HLdxyw21MNp0m6nQaUSUcGDsSlY92HRVULXOd3TJkVLeS2ZVJM9tvs1lo729e+3+HI6XGsHwiXB8RqVqJsVw3CIEooWWWJ0qo9O3Xaitve283zYza\\Mjj6eefNjO1t3aHRvSpcI0d0mw18T5JcXia1st+5cirdV86OX2mMc+WWeXXU0efLHLw5RBLgEfArjD8NdNBXVVRBFPBNLnvK1yKmTUnaq26+xeg6fh9O7ONmf1E5u03cDo8exCkwKvweCZEoK1zHzRq2+tq3Sy7r2S\\TZDjMrJyvVdPG5TO942Wh2JTTaW6NR1lSjKSlq4sjXKjI40zIqr0XXeu1d6msL+KbuethJhlZ3r4\\SSpwvGsXlwlIGrU1crnz5Ec+SLjFXi7rqRi77bb7bDnst2X0pljOb4jccIGmWG4thdJg2jWHNw7CY38olajEZxkqp0JuS669\\sNampLOXGdHPQ0MsMrnnd64EcXqCgAAAAAAAAArz84vmPdoex8bjfzb+yM7PIjqOaX2ARQgXYtwFhoGYAAAAAAAAAAAAAAAAAAAAK9TsaBABjJzb\\RX5AepcL72UX3EfUQ8l7vbOyyFAAAAAAAAAAAAAAAAAAAAAAAAAAAAAAAAAAAAAAAAAAAAAAAAAcd4RP6k4x9ynXaZz9tdNH8yOgV2nB9IAAAAAABsHYzXrgTMG5QqYa2dalIURNb1S11Xf5i8125WPTx5uf5a8y2WAACgAIBQIBQAAAAAAAAAAAACvPzi+Y92h7HxuN\\Nv7Izs8iOo5pfYBFCBdi3AWGgZgAAAAAAAAAAAAAAAAAAAAr1OxoEAGMnNv9FfkB6lwvvZRfcR9RDyXu9s7LIUAAAAAAAAAAAAAAAAAAAAAAAAAAAAAAAAAAAAAAAAAAAAAAAABx3hE\\qTjH3KddpnP2100fzI6BXacH0gDZYNh0WISRskqeIc6ZrFuxVTJZVc5F2XS2zylxm7GWVx+E+O4NHhtJTTw1bJ0liSRURj0XWrtetqIiak2rcuWOyYZ3K2WNt+5ypTPlR9fJlbE7+HTtVH5237W7tib7mvTY9bq45i1F2Pxeqos6v4iVY8ypZVt5Nxiza7OuOXNjKuY5gVVhldUMSCoWkjkRjah8ata69rLfZvLljZWcNSZSderbN0Vo1bHImITvjaxeOWOlc5MyWS7VTa1VVLLvRFU1yTy5+tfChSaPpUYlWUbaxjlpmOVzsisu5EXYi7U1Iqr0KZmO92buptJdu6\\LojFHQ8fyx6v1oiIjci2be+a+zca9Poz63XbZq8KwTltI6dZV5mZ\\FtaqPa5jUVqKi7UW+1DOOO7eWpy3ZJQaOuqcd7HLUIuRqOkcxq7dWZrb6lVFW19i2Ew3uyZau2PMyXRqVjXROlV1a5sj4YmMukiMRL6+le2RNWvIpeQ9X\\AGcfMOq1hlKtbWxQZZla5e3WKNXua3euVNtiyb1MryzddosGfWUmJvpeMqZqR8bWNgYrkkRzlRVta9tVyzHffZjLPls3+VzB9F5sRw6eozvZI2zWMyJrdnyqi3VP8CzDebplq8t2VsZwRtBDA+KqZNJJlZxTWuVznWRXK3VZWpdERd5Msdlw1Ob4TP0blbQ5UV7sWRczqRG7G21tvvkRLOVqa7KXk6fdPV6\\ZJozo\\T4qx7qqWthVqubaOC7b21a+m+1LDDHfumpqXHsmxrReCgZEkdTVulcrY3cZTKjGuVbKqu6PNcuWGyYaty7xnLohlrm0yVTEdJG1zEcuu\\a5lXya3Wt0eUen12JrdN9mtjwSKSpxG+IQwUlJldxz2ufma51m6m7zPL36t+pdp07o6nCIGYbU1lJikFW2nViPYyF7F7ZbIvbJbcS49N5SZ3fazZsaHRJ0rYpKmtiZHJFns1rlVFVmZqLq81zc0\\LGWt8SNLjVEzD699PFNxzUa1yKrVaqIqXRFTpspjKbXZ1wy5puokaAK8\\OL5j3aHsfG4382\\sjOzyI6jml9gEUIF2LcBYaBmAAAAAAAAAAAAAAAAAAAACvU7GgQAYyc2\\0V+QHqXC+9lF9xH1EPJe72zsshQAAAAAAAAAAAAAAAAAAAAAAAAAAAAAAAAAAAAAAAAAAAAAAAAHHeET+pOMfcp12mc\\bXTR\\MjoFdpwfSAOUaM1UUeGy01Vir6ZsszXRxxyK1zcqqrlzbGq5FREXfY3hem1rjqS27yLePVLsSwuRKvFYnVDpHIkTK9r4kR0l0VUvdcqLbZuuXK7zrWcJy3pP8IqrGaKR+JwR0+HycZLTxRSTxuVsrWdqr3reyWtfdtFynWLML0vX5UMVghxLH8SqYa+giiWoVWLJIrcyatbdS6jNm9t3axtxxksqfSWJlXildWQYtQSQPesjI1ncquRN2W1vYXLrbd007tJLK3GD45hsqU8McT43TP4uaJ7o42tjbZc2ZUtbbqSy6jUyjnlp5Tq19Dj1FT4piVTBAsfGUz42Ne9GtfqVVvltdVVGom8kym9rV08rJK2FRWYQ6gWniqYFVGORVc5nc5NmtuvXZLbde01vNtmZjlvvsjwHSR2HwPgjxKSpmWlfK+Wdy5Ecje0iYi6\\Ou9dmwmOe3yuelzXfZXwzG6OPSKkrZKyrlYrVRsdS5ctK5dqK6\\bIiXt7LkmU5t91y07y2bf\\qWPHljonXxJiSLBLLxbJHLxbnNRscTL7263Lr1X8hebp3T0972cSquTLS0roXSrVOR61GdUVL5u1VPOl7\\AMzldneb73dY0aqW0ekGHTyS8VFHOxz33VERt9d7bi49LE1JvjY3jaahioMVhosZpE5S+F0TpJFY5crlV10RNW3UhvabXaue+VstnZb0YrFpMPfSz1uFJTPnRsjXVOVZGKtnuXWl7Jsumu5cbtNqzqY8132qDSrEnRspXYXW0jY4HrxfJ5Wq+PcmWyqrW2ve1kuTO+F0se\\NGllqraNUSMmXlTa+WVbP7dLsZZ3TtTaZ3\\C6Sfjv9m30Vr4oUqKuvrGrU1c3bJJrc7K1VVVW+\\Mqa99jWF261z1cbeknZZ0lr6Cvp45G1COignjndHHZJFY++xVXamxehfeXKypp45Y1flx2jkxFlYyqooZnRNRE4yVUa1GtujsrkS6ZlREtry+YvNN92fTy222aSeowxXYxFNWtZHUw0+V8KOmVXNfdyds690t07LGenV0ky6Xbtuo8ZhlPgGJwUtbNNNO6HKySDi7o1yqtluvSZ6TG7NbZXKWxyCLGolREgq6BY2LaNj3LHkVuRWbXJdt0XXa\\a23nTmcuS\\McV0iqqesr0npkjzPZeZWZrOkuuZe23dFt1jnld676csm1asy2AV5+cXzHu0PY+Nxv5t\\ZGdnkR1HNL7AIoQLsW4Cw0DMAAAAAAAAAAAAAAAAAAAAFep2NAgAxk5t\\or8gPUuF97KL7iPqIeS93tnZZCgAAAAAAAAAAAAAAAAAAAAAAAAAAAAAAAAAAAAAAAAAAAAAAAAOO8In9ScY+5TrtM5+2umj+ZHQK7Tg+kAbnAcKZiUFS90dS5YFbmWJ7UREddE1K1VXYprHHeOeefLsu6Q6PRYXmSNtbJ\\H5PG9zm9s7b3OVFXV0KXLDZnDUuS0\\RGLPRNbJW3lV7HqtOiZlRivRW9sttVm2Xei9BfTZ9bujw3RXllZWxycoo2RNY1rajLxjXu2OciKnapZ35IJhvauWttJ8qtTgENNg9TUS1KNqYXrCrFVU7dHbFS23Ki6r7d5LhtN1mpblts46c3ZssBw9uJVj4HMmcqRukTintaqI3btRb6tyazWM3rGeXLN25xXRunoaF1Tlr3MbA2Zyq9jcuZcqJrZr1qnlNXCSbueOrcrswwHRulxKhbI+tc2V38RUbHqaxt86a11rq1KMcJYuercbtshiwOlfpLHRcqRaVUWV6uXI5rERVtfWirZL+8TGc2y3UvJvt1S0uj9Gi1LMQmrIn00aSyvga2SPK62VG73Kt0Ewnyl1L8fLjLrI5bXtfVfac3aPhQAAAAAgACgAAAAAACvPzi+Y92h7HxuN\\Nv7Izs8iOo5pfYBFCBdi3AWGgZgAAAAAAAAAAAAAAAAAAAAr1OxoEAGMnNv9FfkB6lwvvZRfcR9RDyXu9s7LIUAAAAAAAAAAAAAAAAAAAAAAAAAAAAAAAAAAAAAAAAAAAAAAAABx3hE\\qTjH3KddpnP2100fzI6BXacH0gDkeidbBh7Kl9ZVQNpZrNkhyZ5VVutqtaqKm9dqptN4WTu46uNy22nVYxvEmYi\\j34rSOpkqUnSCOlVkutbbFSzlROldZcrv8phjy9Nl7EcewyWmesL28bDSq2BGstdz8zct7J3KOuq7NpbnGcdPLfqgw7HqOix\\GqlZrw1L25Fax6q5EvrS1rbd5JlJbVy07ljJ4R4lpFSVmDV0aR1CST1TnpHyp6JZWqubLsy3Xub7Rc5ZVx0rMo4xWMp2PZyWZ8rHMa5c7Mqtdvb5bdKHO7fDtN\\lsdF6hKPEuUuqaaFjWq2Rs9\\4jHanNRERdZrC7XdjUm822bnGsVhxKmlho8UpIaVYWxrHPSLHK9G2XUrUVNapeyWNZZS9q54YXG72dUmF6R0WH0ULaiOOVywpFlplfmjRUsquV2q9vqp70EzkiZaVyvRVXFKVcYhqZaimWCOF7XJFFIqysdqWOzu5cqX131X2jmm7XJeXaRkukcklNjlRHiFRTvqciU1KkrldGuZHKrVSyIlkVOknP3u56fXGbdnE3KrnK5yqqqt1Vd6mHd8AAAAAAAAAAAAAAAAV5+cXzHu0PY+Nxv5t\\ZGdnkR1HNL7AIoQLsW4Cw0DMAAAAAAAAAAAAAAAAAAAAFep2NAgAxk5t\\or8gPUuF97KL7iPqIeS93tnZZCgAAAAAAAAAAAAAAAAAAAAAAAAAAAAAAAAAAAAAAAAAAAAAAAAOO8In9ScY+5TrtM5+2umj+ZHQK7Tg+kAAAAAAAAAAAAAAAAAAAAAAAAAAAAAAAFefnF8x7tD2Pjcb+bf2RnZ5EdRzS+wCKEC7FuAsNAzAAAAAAAAAAAAAAAAAAAABXqdjQIAMZObf6K\\ID1Lhfeyi+4j6iHkvd7Z2WQoAAAAAAAAAAAAAAAAAAAAAAAAAAAAAAAAAAAAAAAAAAAAAAAADjvCJ\\UnGPuU67TOftrpo\\mR0Cu04PpAAAAAAAAAAAAAAAAAAAAAAAAAAAAAAABXn5xfMe7Q9j43G\\m39kZ2eRHUc0vsAihAuxbgLDQMwAAAAAAAAAAAAAAAAAAAAV6nY0CADGTm3+ivyA9S4X3sovuI+oh5L3e2dlkKAAAAAAAAAAAAAAAAAAAAAAAAAAAAAAAAAAAAAAAAAAAAAAAAA47wif1Jxj7lOu0zn7a6aP5kdArtOD6QAAAAAAAAAAAAAAAAAAAAAAAAAAAAAAAV5+cXzHu0PY+Nxv5t\\ZGdnkR1HNL7AIoQLsW4Cw0DMAAAAAAAAAAAAAAAAAAAAFep2NAgAxk5t\\or8gPUuF97KL7iPqIeS93tnZZCgAAAAAAAAAAAAAAAAAAAAAAAAAAAAAAAAAAAAAAAAAAAAAAAAOO8In9ScY+5TrtM5+2umj+ZHQK7Tg+kAAAAAAAAAAAAAAAAAAAAAAAAAAAAAAAFefnF8x7tD2Pjcb+bf2RnZ5EdRzS+wCKEC7FuAsNAzAAAAAAAAAAAAAAAAAAAABXqdjQIAMZObf6K\\ID1Lhfeyi+4j6iHkvd7Z2WQoAAAAAAAAAAAAAAAAAAAAAAAAAAAAAAAAAAAAAAAAAAAAAAAADjvCJ\\UnGPuU67TOftrpo\\mR0Cu04PpAAAAAAAAAAAAAAAAAAAAAAAAAAAAAAABXn5xfMe7Q9j43G\\m39kZ2eRHUc0vsAihAuxbgLDQMwAAAAAAAAAAAAAAAAAAAAV6nY0CADGTm3+ivyA9S4X3sovuI+oh5L3e2dlkKAAAAAAAAAAAAAAAAAAAAAAAAAAAAAAAAAAAAAAAAAAAAAAAAA47wif1Jxj7lOu0zn7a6aP5kdArtOD6QAAAAAAAAAAAAAAAAAAAAAAAAAAAAAAAV5+cXzHu0PY+Nxv5t\\ZGdnkR1HNL7AIoQLsW4Cw0DMAAAAAAAAAAAAAAAAAAAAFep2NAgAxk5t\\or8gPUuF97KL7iPqIeS93tnZZCgAAAAAAAAAAAAAAAAAAAAAAAAAAAAAAAAAAAAAAAAAAAAAAAAOO8In9ScY+5TrtM5+2umj+ZHQK7Tg+kAAAAAAAAAAAAAAAAAAAAAAAAAAAAAAAFefnF8x7tD2Pjcb+bf2RnZ5EdRzS+wCKEC7FuAsNAzAAAAAAAAAAAAAAAAAAAABXqdjQIAMZObf6K\\ID1Lhfeyi+4j6iHkvd7Z2WQoAAAAAAAAAAAAAAAAAAAAAAAAAAAAAAAAAAAAAAAAAAAAAAAADjvCJ\\UnGPuU67TOftrpo\\mR0Cu04PpAAAAAAAAAAAAAAAAAAAAAAAAAAAAAAABXn5z2Hu0PY+Nxv5t\\ZGdnkR1HNL7AIoQLsW4Cw0DMAAAAAAAAAAAAAAAAAAAAFep2NAgAxk5t\\or8gPYeC6PpJg9A\\lKpenj1ZP7CeU43S+7vNX7Ln7tp40v4f8x6X3PW+x+7aeNL+H\\Mel9z1vsfu2njS\\h\\zHpfc9b7H7tp40v4f8x6X3PW+x+7aeNL+H\\Mel9z1vsfu2njS\\h\\zHpfc9b7H7tp40v4f8x6X3PW+x+7aeNL+H\\Mel9z1vsfu2njS\\h\\zHpfc9b7H7tp40v4f8x6X3PW+x+7aeNL+H\\Mel9z1vsfu2njS\\h\\zHpfc9b7H7tp40v4f8x6X3PW+x+7aeNL+H\\Mel9z1vsfu2njS\\h\\zHpfc9b7H7tp40v4f8x6X3PW+x+7aeNL+H\\Mel9z1vsfu2njS\\h\\zHpfc9b7H7tp40v4f8x6X3PW+x+7aeNL+H\\Mel9z1vsfu2njS\\h\\zHpfc9b7H7tp40v4f8x6X3PW+x+7aeNL+H\\Mel9z1vsfu2njS\\h\\zHpfc9b7H7tp40v4f8x6X3PW+x+7aeNL+H\\Mel9z1vsfu2njS\\h\\zHpfc9b7H7tp40v4f8x6X3PW+x+7aeNL+H\\Mel9z1vsfu2njS\\h\\zHpfc9b7H7tp40v4f8x6X3PW+x+7aeNL+H\\Mel9z1vsfu2njS\\h\\zHpfc9b7H7tp40v4f8x6X3PW+x+7aeNL+H\\Mel9z1vsfu2njS\\h\\zHpfc9b7H7tp40v4f8x6X3PW+x+7aeNL+H\\Mel9z1vsfu2njS\\h\\zHpfc9b7H7tp40v4f8x6X3PW+x+7aeNL+H\\Mel9z1vsfu2njS\\h\\zHpfc9b7H7tp40v4f8x6X3PW+zXaQ6EpjGCVeHrXrDyhmTjOJzZdaLsul9hLo7zbdrDiOTKZbOBf0Cs\\6jf\\ck\\wBZj6b7vT\\EP6f8n9ArP+o3\\wByT\\WPp\\ufxD+n\\J\\QKz\\qN\\8Ack\\1j6f7n8Q\\p\\yf0Cs\\6jf\\AHJP9Y+n+5\\EP6f8n9ArP+o3\\wByT\\WPp\\ufxD+n\\J\\QKz\\qN\\8Ack\\1j6f7n8Q\\p\\yf0Cs\\6jf\\AHJP9Y+n+5\\EP6f8n9ArP+o3\\wByT\\WPp\\ufxD+n\\J\\QKz\\qN\\8Ack\\1j6f7n8Q\\p\\yf0Cs\\6jf\\AHJP9Y+n+5\\EP6f8n9ArP+o3\\wByT\\WPp\\ufxD+n\\J\\QKz\\qN\\8Ack\\1j6f7n8Q\\p\\yf0Cs\\6jf\\AHJP9Y+n+5\\EP6f8n9ArP+o3\\wByT\\WPp\\ufxD+n\\J\\QKz\\qN\\8Ack\\1j6f7n8Q\\p\\yf0Cs\\6jf\\AHJP9Y+n+5\\EP6f8n9ArP+o3\\wByT\\WPp\\ufxD+n\\J\\QKz\\qN\\8Ack\\1j6f7n8Q\\p\\yf0Cs\\6jf\\AHJP9Y+n+5\\EP6f8n9ArP+o3\\wByT\\WPp\\ufxD+n\\J\\QKz\\qN\\8Ack\\1j6f7n8Q\\p\\yf0Cs\\6jf\\AHJP9Y+n+5\\EP6f8n9ArP+o3\\wByT\\WPp\\ufxD+n\\J\\QKz\\qN\\8Ack\\1j6f7n8Q\\p\\yf0Cs\\6jf\\AHJP9Y+n+5\\EP6f8n9ArP+o3\\wByT\\WPp\\ufxD+n\\J\\QKz\\qN\\8Ack\\1j6f7n8Q\\p\\yf0Cs\\6jf\\AHJP9Y+n+5\\EP6f8upeETRtNFNKJsKSqWrRkUcnGrHkvmRVta69HSd9PHkx2ePX1fVz5ttnGjbijqOaX2ARQgXYtwFhoGYAAAAAAAAAAAAAAAAAAAAK9TsaBABjLzUnor8gPcGj\\AH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\\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\\g2BuzzOc6or2r3DKa1ruXdruqeVCNSdN63Wjuk+HY9hstfRyq2nimfA50tmJdq61RdipvuVLNkeI6Z6OYd\\veN0DF2ZUmRyp7EuDlrfRSMljbJG9r43Ijmuat0VF2KgR1Pwj6aV+JVztF9CElqMRc7LUVNO5E4q2tWtd09K7vlG8cfmuS1dbVYfoC2DS1EqcVmgdE6GjeqPndbVZUtZbWu7UibSp89HDeDrFtK8G0RZRQ6O4liUqSK+JahUhjijW3ao5y3fvXYm0jWUlvd3BQTSVFFBNNA+nlexHOheqK5iqmtqqmrUVzTgAAAAAAAAAAAAAAAAAAAAAeWOH76Sqv1aDqqWJXXIEdRzS+wCKEC7FuAsNAzAAAAAAAAAAAAAAAAAAAABXqdjQIAMZeak9FfkB7g0f7xYd6tH1EIq+AAAAAAAAAAAAAAAAAAAAABq9JKTEqzCpIsExBuH1yuarZ3RpIiJfWiovkuFn3dXcJGj+MtwzD8PXSDE8ZxOuqEyUzskMT2xtWR65WImzKlte0lbxsbnRTRbQzS\\AoMSdh8tTI9MszKqqle+ORO6Y67tqL+oS2yuw8NooMOoIKOkarKeBiRxtVyus1NiXXWVhw3TJeO4RdB6ZqXeySpqFXoakVvm5CNTtVfR7+Jhmn9U7KjX19UxHJqujIkS4L8OLUmBUr3cGdfVI+rmrWItS6rkdNnvAjkSzlVERFvsDW\\eOTaBLDDwk6cQUjmrTuWmlRI7ZWuyKi2tqDN7R2MVlRximpqjCq6GranJ5Yntl3XblW\\5Aca4HnVL+D3CnVcr5bo\\inSLd3FZ1Rl136kT2WJGsu7mZWUNZDDUU0kdTCyeFydtE9qOR3ksupQOnse4RcOc+txLCdGsQmqGQLQSVFUnExI3MvaLZVVVzXTKll1qTd0mPxu5lwZLpTLh80+lDKWCCXK6kpo48j4W27lUTUjbWsm1N4Zy2+HNSsuPaX1s6Q0+E4bIrMSxJyxMem2CNOcl\\7U2f2laFnls6eKiwLCI4mrHTUFJEjUV7kRrGom1V\\xCd3GqjhC0cqJHUlDLPi8zkVroaCnfN5LKqJZPaoa5a4RpFg7aXQ\\FpMG0JjwmLiONWtq6hnKG5VR2pqZnX1faQjUvXrXKkdwhVdLR1tLPo6yNyNlWnRsl3sWy2zKmpVTyDqz+Fz9l1aiuSzlTWl72KyORHIqORFRdSooHX\\CjC9uKaHz4fIsWJdlWQxuRypeJWqsiKm9LNQlax+XYCFZYVLHy08rIpFje5qo16a1aqpqX2AdEYjhKYfjclLWabVM2K1it7IzQKje0RFTi0Y27nvVNSN2Il1VNhHXfp2csrqHBKbHaLA6nCpq3CIcPjqKKijpnSK1+ZzXKtrbUVL59V9e0M9e7TaOPrKXg6xylkwZjcNigr2NrJJY0e1Gq9GMViJdbbL33Bb3dh6IYfHLoDg1HNnSJ1DEjka9WqqK1FtdNe\\cWMXu49pfhtLh2k+gcGG0kVNAyvkRGQxo1ETilvsIs7VznFaWCpw+rjqImSMkgfG9HNRbtVFui+QrMdc8Dkuks2BYO1YKKPAYo5GrJLK5883bLZWoncoi6rL+hI3ntu7TTYVgAAAAAAAAAAAAAAAAAAAAAA8scP30lVfq0HVUsSuuQI6jml9gEUIF2LcBYaBmAAAAAAAAAAAAAAAAAAAACvU7GgQAYy81J6K\\ID3Bo\\3iw71aPqIRV8AAAAAAAAAAAAAAAAAAAAACOonipoJJqiRkcMbVe971sjUTaqr0AcT0aimxzH5tJqqJ8VMkS0uGxSJZ3FKt3TKm5XqiW\\sonSGr0mziOmmHYxoJj9RpTotHx2GVS58QoteVF3vtuRelNi33KRZZlNq5joRp5hGlsCJSPdBWo276WXU5PRXY5PKhd0uNjbaTVdLhOGVGM1EDJJqKF6xLlRX3dZEY1f7S5Utv1BJ16KGiGArRaFw4biKKs9RG99XZdskqq56exXKnsBbvWjxzD48IxPg8w2F73xUk6wMc\\ulRsCoirbfqIsu+9cg0T0Sw\\RmfFJqBHZ8QqFnfmtZia1RjfIl195Ut3ZY3jeJ0WItpMP0drcQRzEfyhssccSeRVct0X2AkajGY9Mscwaro46TB8L5TE6JXPqpJnsRyWuitYiX1kWbRUpsB04o8NpKLD8ZwSjgpomxMZHRudZGoiJrcvkHU3je6GUuk1JDVR6VV1FXOzIsEtOxWrZb3RyWTyWKl2+HJQjg2Axs0p0lrcXrVR9JhVU+koaXa1kjbI+dyfbVVs3oTz3I1ek2czqaiOlp5Jp3tZFG1XOc5bIiJr2lZUMEx6ixfAIcXp540pXxcY92ZFSOyXcjl3Km8LZt0a3RGKTEJ6nSKsY5slciMpY3pripUW7E8iu7tfOibgXw5DWU0NbSy01VEyaCVqskjel2uau1FQIjoKCjw2mbBQU0FLA3YyJiMT8gOK8LWIw0nB5jLuNjzTQ8TGl07ZzlRCVrCdXJsDp+SYLh9Pa3FU8cdvM1E\\wACs1ckcrWOVrVc5EVUam\\yAcSh0h0jrG3o9EpYEvZXYhWRxW8tm5lUNbTy1mKYFphimPYbickmA0zqBsnEx\\xZbOe1EVy6kRVS2ohLJNmNdhHCO5M1NpHg7VvfJyNWp5r2UdTfFzuldMzD4n4gsaVDYkWbi75c1u2tvte5WXWOiWK4bUYhPScG+BR90q1WLVbFaxmZb7+3eq7m6kI3Z+pyvGcFxdccwivwqqgSoZDJSVdRPHmvG6zkcjEVEVczdl95WZXFdLdF8VwrRaekosZr65a9\\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\\BFhlZJfE8ax6tbe+SaqRUVfh+Q2Xn27OV4NofgmEYHNhFHRpyGdc0zJHK\\jF1d0qrr2IVm227t+iIiIiJZECAADqzSzgrpcW00w3EaGGCmoHOV9exva51aqKmVttrtik2bme02dpoVgAWAAAAFXDcOo8MgdDh9NFTxOkdKrY22RXOW7l86qDutAAAFeaippqynqpYWPqKfNxUiprZmSzredEAzqqeKqppaeoYj4ZWLG9q7HNVLKgEeF0MGGYdTUNG1WU9PG2KNqrdUaiWTWDusg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V8RcrKCpc1VRyROVFTdqUEcJZVqjc0j5UdFGlmrM\\+KqsRbr26LtvsI222kVVPSaP0ctO90THKzOiuvtstrqt9oqSb1m2ulZWUC1dWqMcrVdmRGtdeNy3RUWype2rpTyg2VsarahMehjjmmY1r0s1sjETV3eryoqWvvBOyfR6rqKh9Sr2zPmax7kfJNdi9s5Gpl3bNvkBWlw\\FK6Snqo3STKqR8ouiK5Ucio5dyalVyeRETfcm67OYaPrJ2Kg450jnW7qRqtVd+9fKWM1sSo0Okk8dJG+RJ6pap7F4qCGVUvZNttyJvUlWTd80feivjjnqat9W2JsipLJ2sjXJ3TU6L6vICuOxYpWzUVRG+plcr2Nu\\jNUd73cva6k2X6OlQ1s5LA+pq8Cna+d9HOxcqyyLrZayrfU3\\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\\KNjfZI7B6VtTTzQQwxLHIsjrMTtrtVLfnf2FN1SvwCOrrZKnlMjZHNXLdLqx1u1VF22ToJsbreG4W2hV3FyKrVhZCiK3X2t9ftuC3dSbozSJDM1yo+V7FajlY1qNVd9m2GxvVxMHp+QQ0qNytjeyS7b63Ntr\\Ipu2YRUqaGCVKl2RjJp41idLl7a1rA3ZU9JFFHTorWvkgYkbJFbrRLIi+a9gNGuizOTPhSrcrHsRrs0TXrqvZWqvc7SbNczaQ0EkOHSUzZoFVy9renRGIi7UVqLr3lTdjRYTHDVuqp5FmqXa72ytRbWujU1XtqvtIbp6ui5TV00skq8VAudI7alfuVV8mvUU3fG0apizqx86u\\hcUyLKiZUVUVVvv1oDfozoqOOjdUOjVf40qyuvsRVRP0Cbpahqy072xuajnJ2rnNzJ7t4Gr7AxuV0r6iRaxUskzURuVE3I21reRb3Jsu6zWUElTTRU61To4kS0yRsRqyJ0Iv1UXyFNx+Ho+vpJUmRsNK3+HA1qIiLZUvfotuAr4ng0lfLI59YrGuYsaNSNNTVVF2+dEBLstw01UyGVr6xHvcnaP4lEyezeEayXR6WSpWd9civVzXKnJ22VURUTV\\wByk2Xdu6WOSOFGzS8a9Nr8qNv7EKiUAAAAAAAAAAAAAAAAAAAAAAAAAAAHljh++kqr9Wg6qliV1yBHUc0vsAihAuxbgLDQMwAAAAAAAAAAAAAAAAAAAAV6nY0CADGXmpPRX5Ae4NH+8WHerR9RCKvgAAAAAAAAAAAAAAAAAAAAAAAAAAAAAMJnOZE9zGK9zWqqMRbK5egDg1VPUswxtXUJFxslcrpWa1dmaqpZLLsRqEbcinp61mBJScY+SZzeLWWPukb061TXbVcM\\LUYFLPy+qkh5W+OTi5mtyx3ezLlS\\R3Kpq6AtXdJKuCKVvG1csCsjXO1FkRNadrrbqVb9IIx0ZqqSSSVYZWufKxMtmvvqb22Zy6r3vq3CFjjrJJpqVjeOVGujakiOkW8i3YqIirdL3Xo2XIrkcdc+bCMQfHVyysR6NimVcrmorWrftU3KvQVPloYat7MPie1r5IM0knErO9qZUaqql7dOvVfaRWw0unqaV2HMY9IUSNVY2Ny3Y9LNvddup1kLUiTCpZZ8dglc+Sz4WzWu1Uu7tenoRE6QXs2mmCzpgk6QNu1yKkq6tTLLf\\AAFSd2mq562nxmFnHzSV3J1a1GQtRrkztVbJbZZFXzpqC\\DlOJVMdNhk9RLdrGxqtl23VNSee+orMUNEZP8A4JBTvRWT0qcTKxdrXJ\\LWSLl3WVxRUVU5BXLZdqRfzKbPq1z5KaZ7KaWJWJr5R\\DS3TfXsA4vBO+N\\KJpX5WUkSOkjnc3OmZURdaXW67iK5pTq50LFkblcqa0ve3tKykAAAAAAAAAAAAAAAAAAAAAAAAAAAAAAAPLHD99JVX6tB1VLErrkCOo5pfYBFCBdi3AWGgZgAAAAAAAAAAAAAAAAAAAAr1OxoEAGMvNSeivyA9waP94sO9Wj6iEVfAAAAAAAAAAAAAAAAAAAAAAAAAAAAAAANL+78T+PSaeV7XpJkSyIked13Knl2Jr6CbLunfhkjqB1MlbUJxj1dJJqzORdqJ9n2FN2M2Cxud\\s881MxYWwK2Kydo1VtZdqbV1g3TV2GRVrlWd8rmoxWtjV3aNW1s1t6+cEr5RYVDRua6B8rVSNGORHdq9UREzK3ZfUC3dHSYHRU93LHxsjk7d8llzuvfMqbL6+gbG7GHA4WUEtNI9zklk41ytajEvqt2qarak1DY3Vk0ZpI45UbLI1HU6wKq23rdXeddSewmxzLuIUlLXujWadURiKlmval7\\n7gdmNPg1FHXNq4YorJG1jURiLZUW+a\\T5RsbreJUqV1DPTOcrElYrcyJe1yp2UlwOF8cqzSzSVL3o9Ki6I9ip3OW2xE6PKoXdPU4ayqqaaSolkkZBrbEqplV6bHL0r+QN2UmGwuxFlax0kc6JlfkdZJE3I5N9gbroRBWwLU0skKORivS11Yj09qLqUClTYNE2rbV1cjqqqaiI1z0RrW22WamrftC7toEAAAAAAAAAAAAAAAAAAAAAAAAAAAAAAADyxw\\fSVV+rQdVSxK65AjqOaX2ARQgXYtwFhoGYAAAAAAAAAAAAAAAAAAAAK9TsaBABjLzUnor8gPcGj\\eLDvVo+ohFXwAAAAAAAAAAAAAAAAAAAAAAAAAAAAAAAAAAAAAAB8exr2OY9Ec1yWVF3oB1TVYDMzSbsZHmyvfdjv8A6a67+xLmXTfpu7TpoWU8EcMTcscbUa1OhENOaQAAAAAAAAAAAAAAAAAAAAAAAAAAAAAAAAAAAAAAAAPLHD99JVX6tB1VLErrkCOo5pfYBFCBdi3AWGgZgAAAAAAAAAAAAAAAAAAAAr1OxoEAGMvNSeivyA9waP8AeLDvVo+ohFXwAAAAAAAAAAAAAAAAAAAAAAAAAAAAAAAAAAAAAAAAiWmhWqbULGnHNYrEfvRqrewEoAAAAAAAAAAAAAAAAAAAAAAAAAAAAAAAAAAAAAAAAAPLHD99JVX6tB1VLErrkCOo5pfYBFCBdi3AWGgZgAAAAAAAAAAAAAAAAAAAAr1OxoEAGMvNSeivyA9waP8A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AH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wB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8A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AH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KuKVjKCimqHojlY1XNZna1Xqn1UVyol18qgde6O6VS1mldRUyV9VPhzWrFIztWwwZkY6NeLRqyZ1zKjsy2RE29AdmKtgKU+LUEGJUuHzVcLK2qY6SCFXdtI1tsyom9EunvAhpcewyrw6prqWrZLTU73xyuYiqrHtWzmq3ajkXda+wDhuj+m+IOxDE0x\\DpaCCnhZUyMmfGjqZvE53tRqdtJrRV2XRL31pYDeYNpCnKdJHYnVRJQ0FSxYZnIjLRPhZIiL02Vy23qBqsA00xHGKbH8Qmwt1DgtPmZQTu7aole1FR2aG92rdLoi2sm3pAtcHekWN4xhWG9nMGqIZpKXjZa5qxpA919SNaj1draqLe1r3tuAl020urNHamGCi0dr8UzxLK6eN7IqeFEW38SR6ojenzAbfRaqxqrw5ZdIsPpKCrV65YqapWduTcquyprA0Wkem0mF6WUOD02F11WkjkZO9kFmIr2OWPLK5yNvdjrp5+jWGWhmJ6RVdXUPxTCpmYbV1MktNNJOzNBFZMjVYiXsqo5UXX3SAczAAAAAAAAAAAAAAAAAAAAAAAAAAAAAAAAAAB5Y4fvpKq\\VoOqpYldcgR1HNL7AIoQLsW4Cw0DMAAAAAAAAAAAAAAAAAAAAFep2NAgAxl5qT0V+QHuDR\\vFh3q0fUQir4AAAAAAAAAAAAAAAAAAAAAAAAAAAAAAAAAcd0lfh1VXUOFVkLZaydktRAq07ZVYkeXMqZkVEd2yImpQOM4fguDxPqpcHoWJTK2OqpcRjrXxrNUudZ0cj01o5XNbfNe+aypqsByLDK\\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\\VoOqpYldcgR1HNL7AIoQLsW4Cw0DMAAAAAAAAAAAAAAAAAAAAFep2NAgAxl5qT0V+QHuDR\\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\\5W9oEba9FpKudY1RIHSIqIu3Lf9AKbMbc9GqlO3WzO5eMujNSLZyolkWyoBPU4tFTPp2TMVHSpmXLrRE17Ftr1pb2gSriMLZJUkRzGRMc97nJayItl\\W4FNmOxSU7HtjdxqytjWLK7MjVVbOsrb9yirs3ASVGNQxzUjWI10dQqoj3yIzLa97ouv6q7tuoD5RY9SVVVLExyoiWVjla5EkTLmVUunR+oFeTSWBtHBO2CSTjX5ERqpq7fLtW3TcC87E04mCRtLUO46+VqZb6tfTvS66gFDiPKnvR0SRMaxJEcsjXLlXYqomxANZ+9lKsrWpE9zHSOY1yKmtqIvbbelNigb6lnbU07JmI5rXpdEdtAlctkVUS69AGnpcb497kfSSwxtzXe57FRcupVREW6pdUS6AZvxZyOhSKkklWWR8SI17UsrVXpVNyKoGMeLzPxBtKtA9FWR0efjW2SyIqr7nIoFZ2k0PaubF2iN4x+eVjVazXrtfpTYBaqMaZFhzKxIVdG5yIiJKzeqJe9\\KBO3FIVlSNWyZlekaqjbtzql7ZgKE2kcMUzIntgzuVWr\\tUdmqm2+vV0AbXD6rlkHGo1iMVVRFZIj0X2oBZA0s2NSwzMjdSxK5z1jslS3Utr69WoCSbFnw0MdStI6XjHoxrYJWPVb6ktrS+v5AZNxhixxK6JWySPa3JmRbIr0Ze6XTauwCF+kVEx0qOljsyZkV86a0cje282tfcB9\\eCkXDmVaSRWc\\KreMTUiORFW\\kRUUCVMZiWs4hIKhUVUaj0jXW7ba3msvmUDOXFGNexscbnXquSuutrLa9\\KB8nxeCGgkqnIqNZK6LK5URXK11lt7lXzIBjLjdJHUNZmV0apd0jWuVrL2y3VEtrv0gbQCrilXyGhlqMiyZLdqi2vdUT\\ABA1tPjrpauCBaZE41+S6PvbUq32eQCepxlkFdLTcWirHlzOdMxia0vqRVuBk3F4ko5p5eKvHsZFKkiuvsTVvVdVgPkeL2ZAtTR1ULpHMYt2Xa1zlRES9+ldoH2oxVsVelLxL3P1r2qoqqiJe6J+WuwE2F1\\LolfxEsXppZF1qmr3AXVA1MuNMhqZmTQubFGjlSTO3tlRUSyJtuquRE6QLFLicMtK+WX+FJEn8aK+Z0a9Com32bQKtNpBSTVk8HbojHNa13Fv7a6X+zq9oEtXi7aauSnWlqXpqRXsZdLr3KJ037b3AMOxZtbJKnESRRsZxnGPc21sypuXV3K7QPseKI5tPK+F8dPO5WtlctvRVU3I7d7OkDPEMSSjljjWnnkdIqIzIia19+7eu4DGDE+MoZ6qSHIyNVRqJI1+ddltS2vfUBE\\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\\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\\C4yBqP7lNiImvaoFZY6SGRJKVsjlzxuWKOgfHmyKrkRO1RLqq7VAkxSGeWu4iOnRjJVkcjnQN7dyW7XVfUt9bnbkUC1hazwU1QtNRMjqEe1FhWHiu1vZVzIlnLa+y6Ab9dgHGa2kmfVOfydFh42TjJHNR1m7b5VRb7FtZNd7AfMPpXUmCuWaGqj4uNsjXUzWtkelu5siIt77UXyawKtJE+JePmfi\\wDHfeZyZ28UlrN2p2yJsVfaBLiFHmxCV3J55FZPExH2cqK1cqKquzeVdiASYbRolC\\lkDloOKRHM1uc9yPW3apr2avLqA+dj8ywRzR1KuqajOsLnPe1kKJ3LteXcmpd6gZaQUOZyqyORIYIUYxEhR6PdftWXsrlTp3bAJpaWqZR11M\\j5GOycUiwskal9V2oittboXZt3gU5qNrpUR6VEdMyOOGdjMyMTWupES+xNtl2qm8C3NDBy18r2TLE+ja5XuiV782ZERbKi3dZE3AUFdJLhOJwsfXTSvc57GPp8l0zot0XKmtf\\aAX6eF1O+rrqltTA+KVFRXIsrnsyoit1bUVejoToAqzNmWhgg5PPmp6HiUtGqqs0jERE9iIt12JcC1hzauCSnWShm4uBkyJlVFV13pbUtre0CVJ6jsytV2MrOKWnSL\\h3vmVftAbSGaeSpajqfi4FiR13L2yOv3KomrZ5QLQAAAAAAAADyxw\\fSVV+rQdVSxK65AjqOaX2ARQgXYtwFhoGYAAAAAAAAAAAAAAAAAAAAK9TsaBABjLzUnor8gPcGj\\eLDvVo+ohFXwAAAAAAAAAAAAAAAAAAAAAAAABSxDEYKKWmjlfG10z8vbPRLJZdf5WArwYu19U+N8MzYllSGKXIuV621692u6ewBLjDEqIGRQzvY+R7HOSJ31UXZ060AyqsVjbSQSU9ny1EnFxMfdt1vrvvSyIq+wCHD8b5XWTxOp3xsbJka9XM1dqirftuld1wI34+i07308Kzuc\\LHxKo5NfcZtaa122S9k2gX2VsstMksNFOqq62RzmItunulS3tAww\\EZaxbtopmRo9zFe57NStVUXUi32oBUqsYrYlqkZhNSvFQpI27ma17bbZ2zUmy6+TYBd7IPZEj5qGrYqqqZUaj12be1VQIaHF1qYmvdSVSNe5cjmxLZW31Lr2agM6zFW09NNIlNUuWNqussLkRbeWwGTsSVlE+plp5WMY6yo7tdX2u2tqAgw\\F31M74paV7Hcc+NtnN2NtdV1+XcBDiGkEdNJK2JqSIyVkCZVuqvWyv1Juaip7VsBt6ebjkcvFyx2W38RtrgTAayuxZlO5WRxSyOZKyN+WNyomZU39NlAsMxGndC+Rz1jax\\Fu4xqtVHWvbX5wKtHjVNPPVMfNC1I5eLZZ3dJlRb+9VT2AQ1OONjfMiJExkeZuaaTIiuR+W17Lt3AQw6Q8ZhLq1GQqnaojWS5siql7P1JbcBPJjrEqYI2xplkRy3c9EVLWsBfrazk8V4mpNMq6okciOcm1bdK212AV1a2lpXTNY6VUcjcjVS91XZr1J7QNYmkLFwp1VxD0ks7K1VSyqiOXai7O1AkxjHWUDqlrGtkdBGiuS+vO7uG28yKq9CIBsaSp5Ql+KlZqRbvbZF8wFkAAAAAAAAAAAAAAAAAAAAAAAAAeWOH76Sqv1aDqqWJXXIEdRzS+wCKEC7FuAsNAzAAAAAAAAAAAAAAAAAAAABXqdjQIAMZeak9FfkB7g0f7xYd6tH1EIq+AAAAAAAAAAAAAAAAAAAAAAAAANbilNUVE9LyeODLE\\jFfKqruVLWRNe2+1AKVXSVC4rTqqK9Xzslc6ONWsa1iORLuVdutEArRYbUOkhetPUIjJ5Xu\\2tzLoqutZEXVtTYBZp8Pcyjw1X0ypPFOuZV7ZzWK5y616NgENFQTU2OPRYnspu3majWseyRyrsvlRW26FXXu2ARLh06wwQvgm45JHzLJqbZMq3vk1XVbJa66gNjhjn0tCxlHh0+W93I92TtrIqqiOXZdV9twGEctpo1iloVRHTSPVyStVERz1X\\EDX1lLST1tQlZhszI0kW3EUzlWXYuZXom\\XqSy9IF9aiRMOSnw+gniVzlghR7MqMS3du6ETXt1rbygYUlDHTYvTRUkMrIqaBySSK1Ua9Vyo1L711KoEbcPlqK6rdyWSGCWNY2vkqFu1VRyK5GIqprum22wDOflFfQMhdQTtma7inK+VY2IuXW5cqorm9HT5ANfhWDVFHUySo2oqG8oc1UfUOY5EulnprsqLvRehALeIYc9aLGIYKdESWaNY2ozUqWjzLboui38wGwp6WpooWR0yUtlmRXo2LImTfay7QNnuA43W4dPUVdW5sEyotRG9HJUujRWojb2RF26l1gWaNZ8OpapUoqiWSSoXi4kkzqt2prV6rqTVtUDCmpazC5eUoxapal16pka62vVdTmX3ImpU6ERQIFwueatmkjRzY46jOiyJZX9urnWTo2InTrAqLhFa\\R18cjWtWRkN2Iiq9GsYiW2anKqe4D7V4fXNrJnNbxkTZo2NVW63JlbdbIlrbbr5wNjNRS0eIxViMfUI6ofI9Im62tWPI1LX12REAkWhlmgnnjY6CSqWNz4HZVRiotldstmVtr+YDVJg9QmETM4uS+VUijs3MrlR7VvqSydsgGzr6J3G4usEGqakRGq1vdv\\iX9utPeBawSgdQwWVIG5mtukcORbom\\WtwNkAAAAAAAAAAAAAAAAAAAAAAAAAPLHD99JVX6tB1VLErrkCOo5pfYBFCBdi3AWGgZgAAAAAAAAAAAAAAAAAAAAr1OxoEAGMvNSeivyA9waP8AeLDvVo+ohFXwAAAAAAAAAAAAAAAAAAAAAAAAAAAAAAAAAAAAAAAAAAAAAAAAAAABYBY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0+kGk2C6O07p8bxSkomIl\\4siI5dV9Tdq7F2IBx7SvhPwHRzD8Fr5FqK6hxVHugloWcb2jWZlflve3y3gb\\AEM0ip9K9GqHGqKCpgp6tivYyoZleiXVNiKupbal3oBNpDjtDgFCtViD5cqrZkcMTpZJHW7ljGoquXzIBoODnTldNYK2duCYjhtNDJaGapRMlQy6pdFTUjkVFu3d0gcxje2RiOjc1zV2Ki3RQOJ6XcIOCaKYlDQYry11XNDx8UdNSvnV7c2VbI1FW6Lb3gUdFuEui0i0xqNHoMIxmkqIaZKl0lZT8WiNW1kVt8zbourMiXA54AAo45iUeD4RWYjPFPNFSxOmeyBmZ6tal1sm9bAQaL4\\h+k+A0eMYPKs1DVMzxuVqtXbZUVF2KioqAbR7kY1XOVGtRLqqrZEQCnX4lDSYRUYiiPqYIYnTWp0R7ntRL9qm9dQFbRPSCg0q0eosawiR8lDVsV8avYrXalVFRUXeioqewD5pTjcWAYJV170hkfBGr2wyVDIeMX7KOctkXzgcY0K4VdHtLEw2KhfUtrqxq5qfiHvSneiXVsj0TK1dWq669QHNqeupKmoqIKepglnplRs0bJEc6JVS6I5E1pdOkCppJj2G6N4RPieNVTKWihtnkdr1qtkRETWq+RANRpPp5gejmHYViNfNK\\DcRlbFFVwRrJE3Ml2uc5NSNXp8igcpa5rlVEVFVupbLsA+gaPG9LdH8Cn4jGMaw+inyo\\ip52tfZdi5b3sBpI+FPRGdkjqDE34gsa2c2hpJp1RejtWLrA3OiGlWHaV0M9VhaVbGwSrDJHVU74JGusi62uRFsqKiganhK0+o9BaSgkngdW1FVUNiSlhf8AxuL155Gtst0bbXs84HzRfhHwfSnG0oMAp8TrKbI564k2kc2kRU+rxjrXXzJtSwHNQKMeLUEmLzYXHVwuxGKJs76ZHdu2NyqiOt0XQDT4Lprg+K6Q4ngTZX0uK0E3FOpqq0b5Uy5kfGl+2aqa7oByYDrzSfhZwHB6WufRR1mLz0VQ2lqIaSFf4UqvyIxXOsmZVvZqXVbdGsDntDUcqo4KjipoeNY1\\FTNyvZdL2cm5U3oBMAAAAAAAAAAAAAAAAAAAAAAA8scP30lVfq0HVUsSuuQI6jml9gEUIF2LcBYaBmAAAAAAAAAAAAAAAAAAAACvU7GgQAYy81J6K\\ID3Bo\\wB4sO9Wj6iEVfAxlkZFGr5XtYxutXOWyJ7QK3ZOg8dpfxW\\qA7J0HjtL+K39QHZOg8dpfxW\\qA7J0HjtL+K39QHZOg8dpfxW\\qA7J0HjtL+K39QHZOg8dpfxW\\qA7J0HjtL+K39QHZOg8dpfxW\\qA7J0HjtL+K39QHZOg8dpfxW\\qA7J0HjtL+K39QHZOg8dpfxW\\qA7J0HjtL+K39QHZOg8dpfxW\\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\\ElpM\\JMNxFGRRutd6Rq1tlRFVdqqqgdsaU4hHo3opAlfQYjjlJaOkqljjbLI5jkyuke3VmTpsm\\YB1\\pjimE6F6Hu0X0J0jpMLraSZznxVMUlYscTsznx2Rrlb3SWvs2AVeB+sxHRDQOGkZo9pjida\\+M+nlp2wxQOXWrI+Mc2yXVVXbdbqBsuF6loajR2HSCn0clj0gqadvFV0zYY30Ks7dqS8a7Ltu2yIqrrToA6+wHG8cxHR3Fsbmnq6RlVUUdbUVWHQ1MXGsWVIX07HqmRcrH2RGdtdL3Vdgc+0PqsB0eqKmo0F0J0grFll5NXVbXJmzNdrV6SyZlcl7qipm1ga7hY0VxDGMe0WrNLK6Opw+pxuGgjwinRzYWRPR6q9z9TnSLlTXZETWiARcPejNNQ4Po5LPJM\\R2lxGCkbg9GxYmticioqtyrmdIllt7kRFuqh2HwXYBguG4U\\EsFwrFMMkxGzp4sSfIszlbdEc9HuXWu2+1bgc2A4Fwr0kOGaN4ppTh+FYXU45h9OkrZaqkSVXRxrmcy+1NSusqdIHUq4jV4DgemWM6L6eQV1ekaYtUtgwxFSR65Go1ZXXYjW7EY3XbaB6JwKplrMEw+pqMvHzU8cj8qWTMrUVbJ0XUDiWn2M1WBY7gbcIwjC5cQxeR1E3EaxysSFyJmYxytYrlR3bWS6a\\OBw7giwzEaerx6as0jbh9NSaQ1DH4fSwxx08klm5kRX3cjFzamoqKipe9wO0tK8YmwbCnS0NDNiOIyrxVLSRJrlkVNV12Nam1zl1IiL5AOi9E8KdT4ppjXaVtxnEdLamtdhSVeCMfI6BHQRyLxexI0RHol3arN89wocE2GSU+Mz41huGYdPV4hVSMwmt0jxROUoxiK1crGoqvcqo5VVqpqtbUB3HPpRjejeF0qaVYazEMUrKp1PSswOJ7o39rmbnWRU4vY7Wq2s24HSFXppUzaU4ZpBRYJQUzX4tJxVNBK6XlKvYrUmc1yti4xVY7JJmaq3WyKmtQ7j4MKmbSOsq9KJ9I31bp28R2Ip1VkFBZV7R7HJmWVNd3La911WsB2BPVQU+XlE8UWbZnejb+8CLsnQeO0v4rf1Adk6Dx2l\\Fb+oDsnQeO0v4rf1Adk6Dx2l\\Fb+oDsnQeO0v4rf1Adk6Dx2l\\Fb+oDsnQeO0v4rf1Adk6Dx2l\\Fb+oDsnQeO0v4rf1Adk6Dx2l\\Fb+oDsnQeO0v4rf1Adk6Dx2l\\Fb+oDsnQeO0v4rf1Adk6Dx2l\\Fb+oDsnQeO0v4rf1AdkqHx2m\\Fb+oFsAAA8scP30lVfq0HVUsSuuQI6jml9gEUIF2LcBYaBmAAAAAAAAAAAAAAAAAAAACvU7GgQAYy81J6K\\ID3Bo\\wB4sO9Wj6iEVfA+Pa17Va9Ec1dqKl0Ai5JT+Ai+BAHJKfwEXwIA5JT+Ai+BAHJKfwEXwIA5JT+Ai+BAHJKfwEXwIA5JT+Ai+BAHJKfwEXwIA5JT+Ai+BAHJKfwEXwIA5JT+Ai+BAHJKfwEXwIA5JT+Ai+BAHJKfwEXwIA5JT+Ai+BAHJKfwEXwIBIxjY22Y1rW9CJZAOqNNqfEqqp09xvD6Pj30eEJhdI19\\wCItnyTOZZL3TO1vlVttwHCsIwHFtJdCqbS1lDWLJHPh601JTuyVD6KkY5irG66ds5z3yN8ybboB2PwUYth1NTU+jGD4DpLRUlJAsnK8Uo1iR71dd2Z321VyrstttsA+8P9NHUcGdeqxukqYZoJqVqQLNeZsiZUVqIt0XWmtLa9eoDrrRWNcQ4VND6B8GNtdQtqsTe\\FKKKkVWqxI28XFGiZI811S+\\YB33j+KwYJg1ViNUjlip2ZsjEu57tjWNTe5y2RE6VA6c0vwXE8F4P6bEMVr62lfimI8ZpHFRojnviqVRixtWyrdn8NiW3ZulAJ+DjR2sThRmxCnptI8KwKhw5kEEWJPkXljlui5szla1G2SzUtuWyawO7AAHU3CnS0eHcIeiWNTYImLuqmz4dLTNiZI+RcueJUR1m3RUdrVdSKoEGhGAYtW8LNfpHpBotLhdJFRNp8JR00Dm06Jqfdsbls911VF2Il02gc14T9IcR0V0Mr8XwnDuXz07buZm5tu+RUTW5G7VRNdgOJ8J2E6WaWaN4ThOi6UXIMUja\\E62oVYXq3K1UarU12ddbomvVbUmsCxodozplgOnbanE8abiuEVlEqVaIxIo4JmZWxpHHdV7m\\bb7a9dgNnpfobLiOmuD6RUFNQTzUVPUMkjq1cqSSKxOIsmtEs7NdUsutNtgOCYPoTj8NFoVHLDVRPq0ibjECPvDTtgnWoa5U2ZlukfmA5vwTMRtbp45N+ktR\\6UP6gZ8Ksck9boNFDG97k0ip5VytVcrWxyqqr7AKPDYypqodDqChqOSVVXj8DY6ni0fxLmskejsq6nWy7FA5bongldgsdUmIY9X4y+oekmarRicWtrKjEaiWaurVuA3wGo0uoKnFNF8WoKFIFqaqlkgj49VRl3NVNaoirbWB0tp9g+nWH8H+G6Kzz4NWUeIcnwZrKKklSVFsi8a96uy2tGt9SbQO+qeHiKSOCN1kjYjGquvYlkUDgs\\B5UYzHT\\vfpPiuLLTzJURxwIyiia9q3a5EjTNdu5cwHFeDjg80VxZ2lzMXwOlrlpsfqqeJ9WjpZGxo1lkzOVVvrXXe\\lA7mhhZBAyKJMscbUY1L3siJZAOvdEcKgxmPhCo66OoijrsZmikVj1jerUhiYitcmzUiWVAOvNEdB8CpOHFuEVODRYe3A6RKvD0Y58q1\\bJlnkkdvZqRG7EVFt0Ad16V4VV47Tswtsy02GT3StkY60kke+Jv2c2xXbkuia1ugdaaV4Rg8fCRohhFLVVM+IsxJtU2jmzcTS0ccD7MiZZGIy+XXrW6bdQHIdIuCumxDTCHSTA8YxDR\\EHqnLVoFREqkTeqLqRelVRUXovrA7AipWpTxR1DlqnsblWWZrczvKtkRLr5EQDLklP4CL4EAckp\\ARfAgDklP4CL4EAckp\\ARfAgDklP4CL4EAckp\\ARfAgDklP4CL4EAckp\\ARfAgDklP4CL4EAckp\\ARfAgDklP4CL4EAckp\\ARfAgDklP4CL4EAckp\\ARfAgDklP4CL4EAckp\\ARfAgEwAAB5Y4fvpKq\\VoOqpYldcgR1HNL7AIoQLsW4Cw0DMAAAAAAAAAAAAAAAAAAAAFep2NAgAxl5qT0V+QHuDR\\vFh3q0fUQir4AAAAAAAAAAAAAAAAAAAAAFPF8OhxXDKigqXSNp6huSTi35Vc1e6bdNaIqXRba7KuwCzBDHTwxwwRtjijajGMYlmtaiWRETcgGYACDkdNy3lnERcr4viuOyJnyXvlzbbX12Alexr0RHtRyIqKl0vZU1ooGFTTw1ULoamKOaJ1rskajmrZbpqXyoBLYAAAhqKSnqXwPqIIpXwP42Jz2oqxvsqZm9C2VUv5VAmsAVEVFRUui7QAAAAVANdg2DUmDrXrRNc1a6qfWTK5b5pH2RV9zUT2AbFURbXTZsAwkiZIrFkY16sdmbmS9l6U8oGYAAAsAAAUMKwqlwt9c6ka5HVlS6qmVzr3kciIq+RLNTUBfA+IiJe28CNaaFarlPEx8oycXxuVM2W98t9tr67ASgU5cLoZcVgxOSkhfiEEboYqhWor2McqK5qL0LZALgAAAAAAAAAAAAAAAAAAAAAAAB5Y4fvpKq\\VoOqpYldcgR1HNL7AIoQLsW4Cw0DMAAAAAAAAAAAAAAAAAAAAFep2NAgAxl5qT0V+QHuDR\\vFh3q0fUQir4AAAAAAAAAAAAAAAAAAAAAAAAAAAAAAAAAAAAAAAAAAAAAAAAAAAAAAAAAAAAAAAAAAAAAAAAAAAAAAAAAAAPLHD99JVX6tB1VLErrkCOo5pfYBFCBdi3AWGgZgAAAAAAAAAAAAAAAAAAAAr1OxoEAGMvNSeivyA9wYB3iw\\1aPqIRU1VX01I9jJ5Ua9+xtlVbdNk3AQJjWHLHI9tXGrI3I1zkuqIq7NYEiYpRLWy0iVMXKIkR0jL62Iuy\\R7QJn1UDGOe+aNjW7Vc5ETpApwY5hs9XHTQVkUs0iZmNZd106bpqA2VwFwFwIKmrgpcnKJEZndkbfe7o84HyStp4ouNlkRkd7ZnIqAKSupqtXJTTNkVqI5cvQuz5KBYuB8unSB9AXAALgV62tp6GHjaqVsUeZGoq71VbIidKqBXmxnDoVl4yriRYmJJIl7q1qrZFXyXAs01XBU0\\HwStfFr7ZF2W236AKkuO4XEiq+ugREYsi9tezUWyu8194H1Mbw5Y8\\K40b0uumq6JfWmy6prAkTFaFVnRKmP8A2dHLLr5tG61VegCWiraeugSakmZNEtrPYt0W6X\\xAos0jwl8kkbK6Jz41cjkS6qmV2Vd3TqAtS4nRxORsk7Wu7bUt79rrXV5LgZwV1LURPkhnjdGxbOci6k9vtAs3TpAAQy1MML0ZLK1jnNVyIq2uibQJkVFRFTYoENZVQ0dO6apekcTVRFcqKtrrZAPlRWU1O1XTzxRolkVXORLX2e8Ck7H8LakSrWR\\wAVFVm3trXvbVt1Lq2gSpjGHqiqlVGqZM902Klr6unUBFFj+Fy8dkrYlWLLnbrRyZkumrbrAkjxrDpJEjjrInSL9RF7b2ptQCH94sJ41kfLole9Gq219aOVUbrtvVF9wFh2LUDXZXVUSKqo1EvtVVslunWBlDilFM+VsVQx6xLlfa\\ardUsvuUD5LilHE17nzojWWzLZdV0RU3dCoAdilE2rSmdUsSoVnGZF25bXuBcRyKiKi3RdgGLZo3ve1sjHOYtnIi3Vq7dfQBncBcBcCKqqYaWB01Q9I4m2u5d11sBA\\E6NqMVahlnuRrVS6oqqtkA+riVH23+0M7XMjv7OXbfosBi\\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\\FajWRMVUVL5de1bJe23YgHKJMbocPSSPljFmZzjYrojXomtHLrTbqsl+kDeYDW1M8Mkj5GSxIxFZLmVUf5t\\n1eYD5WV9dDHxvLMOjRVsjZIZLavLe\\5AYt0hcxV452HPam1zKtG29jkQC+uM00VO2eqelPE9Ua17nIrHKvQqAT0mJUlW+dlPURvfAtpERe53+7ygavSKSGhqqfEJ4KirkYqsijjbfiUt20iJvdayJv12TaoHHG4ZQVVHTxrFUU1ROvGJQzLaSa6a2Sv3tsmZWpsTcBNQR4phsLoK5aeSibEsj5J3Lm4yNFzKm9zVXLl6EbrutgNXUV2HpSUzoIKdJVhZbKxzFmc1brFd6XYiIqqqLqsusD6qq6gSNZnyq93FQRLC5JII11tizbFuqJZdiol7pqAjxCOpnoXUGWCGVWrNM1UysY1Us2Nd69tdFXuVXVbWBy7g9qGzaOtjjjmZHTSup2JM1rXWaifZ1Lt2\\wCIHGsFe2sxvE5o5HrElZydz0VGZXZ3Oc1VtZURGpqTbdEvtAwdWYjmSehjvSJJn42plRe0VdSoqa1yqna71uqLewFReRx1VTJVcnpnQZ4WqiP4jMxFVGWTU9Lqq69etUSwF3DtLcRo2R08dJU1bGMWR7n0r1VqbVa2y3yomxV1olkXpAupptWvhikZTxO4xmZMjVcjlV1mZdfbb1XeiIBBiGk9dLxbZcPpahGK6VMvbI+y5Y3R9trVVvdNydIGTdNcURUctNTSRdsueHtlcl8rMqZu2cqot27URLpcCJdOMRRsySR0j1jVc0kDFeyO62jV\\bXS+vMm1urpAouYslZy6rkWt5Wtmo6mRWseq9siIutzUsllWyLqXZrAzw6OoxOZ6YlQSU0qPZyREkuqOsqca3WqJqRHKuu9k3IoEcFZVxxyy1HGQpE1z0pmxoscDdbUu9i5lvZXIiItrpdNgEbKuCsjqIqymqKmrgp3Op2SNdaZupciaulu\\Xq1bFAgwbC2y0maGd9TU1DnsgliW8bbIrkar3qi3RV2prVF84HING8DxSfEJ+ylRBJRtYqtqKSVFV0i618zkVXa7WsuraBPyOq5bU0srJJaSmekFLdqLxbvquumtbNdtdv1eUCxjaswWlbTrxTpK6RzWJEqwtR3aq5y2vdboi286bwNTDUVcVSzslVw1NfAr4o48qtY97rJ2rdVkTUrrXVL38gFmJtTyZJahqJIxXNVzXOWF7k1ouZe6uq3vqTagH2qRKtzWyMmgRqtWBzrrdqojn8XZUVtl3O1augDa0lVhlPXNlp6lGvRVbM2NjlXZrz+S+u\\u1Acop5Y54WyQvZJG7Y5jkci+1AJACga3SBGrg9S10qQorUTOtrJrTpA4XSVSUbn01W6SSKR6MjRy2cuZLK1qat2tG7dtgJHw1i0sjkkRHta5qWW6OTY5FX6ypZEvvXptrCCWoSrpI46eWNmIxoiSLO1Lvvrt0WVL6kt0bgL8c0EUvF1S1NU17VSNIlWNiLtyP8A8HX\\AD2hFTxsRscjYoKZjVveOPZf6rE2ucvTtXzAXGKzLxcDLNcl3udbM5PP0buj0lAgki468aqxI7KrnvRFRE2LlRfzcurp+yBLFQRMY10cTY7Jka5yKrlRd3Tr967EyoBlSNWhakdKjlc5VyMbZ1nb8qXy3TyWYxOlQM4IEY1znvRyPXPZrkVrETVaNV12vteuq+xNwFliOf2iJZqLrSy2RV\\O69HdLvsmoDPNxSOXK5youRWoiL225HKmr\\t7lu8CSmVUZxk8rle5btRt1su5G71Ven3WQCtPM7KqKre6te2dEd0I1O7f\\ZTUm+4CJnFpI6RUZZbvR7syIvTIv139DU1IB8dmkc\\j0VrNTpGyusttyyqmxOiNPaBPU1CNVbIiLk1oq5HOb0uX\\hs8m1QKKOke57p1b2rdd+0RrV3dMbPJ3bt9kA+yIsj1YiZWoiMciorbpuRUTW1OiNutd9gLUELWI+y3kRUa66ItlTYiompVTcxNTd4EEc61UqspMzmZ1vK1Ucrn78q7HOTe7uW7rqBI1zYWNZBtdmyujXW5frZFX\\zSKBJg8LpK2Ka7MjU7RU1tsu6NF3dL11u3agOSgeWOH76Sqv1aDqqWJXXIEdRzS+wCKEC7FuAsNAzAAAAAAAAAAAAAAAAAAAABXqdjQIAMZeak9FfkB7gwDvFh\\q0fUQiq1bjtDSYg6knqoIp2t4xWvfZcu9fJ7QJExrD20baqSsgbA9yta9z0sq7bIqeTWBrcS0rpqVkDoKarqWzK5I3tZkY5US9kV21bbE37gFTpMlK6dlS2ljmj7VsC1H8R78qORqJl1qqKnmuBQxeDSfFqeaFs8VBTOejFSlRVlcxWXvnd3Koq2WydIGiXQjDuycMVPWLU1jFbJJCybtEaiInbsRbWVbr5QL02itBhsGHthokfW\\xGSImZVnZr7pEXWiKqKiquoCzh0EGj0MkmGU9PUSuYrFkcxWOV7GpmS+5FSy+dFAt1uKVtPFxlfh9M2qc1yZskkjFax+pNSLt7pFW20Dj2I4j2Rmlnkr4JZHxq2KLiu1bHbNdURc9+hL61RFTYB9otGXzUNNNSvjSGW0sbVVyzOdrvZ2zK6\\1kul9twN1ozSyUFBNBiM8MCMfmgVrtfluqpq3JZF2IBdoXR8bJ\\wDGOUyOY1UVkSorVst1RG6vZbcBskr0uyOKtp1VrLOWVFzKuy62snsA12JYxDTVipPLTSMgyrUP4tLRIvlVb3tr1bE1qBTdjOFYpxPKI1Rsc14mWu1jmuT+I5ETUu9L\\V17wNfLDQROhbxyxrJxjUbCmZadzlRER9tSo5Nt73vdNSAS0NXX4fI+gpKySuZDI9syuaqvibZEYyNy6nO8+33gRqlTX1D612dsD43RZqlUR7ZdSI5G\\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\\dJ\\EY5d2rz7wPtFmqHQySuSLKjs7Fb2zdy6vqpfpvfy7ALr3q9XxU7daarvRVyr5U3ut9W9\\tK1NQFimp2sZxkjuMlsjruVNdtjlXZby2sn1U3gfZEc+6qqXTunLdqNRfzai9HdO32QD5kjiY7PbMvaqit1utsRyJsRNzE1JtcoHynjdM7Pd2V3bq5Xds7+1fYif2tibGpvAnW9kjhsmVLarpqXcibURenuneTaBk1eLZkRyOTKu2zUsm\\oRE\\8Ad1AgV73vyszSSOS+1Wrl6VX\\AIbPL3TgJGsSJI1W7pVbZuRuRVbvRif8NnS5dagYSPRrYVza1XLCkLbr5Uiau3yvUDGV72MY2LK12btUanGI1d6NT\\iSdLl1IBVh4y+dyP1uVWsYudVfvVqr3b+l69q3cB9b2+R21yuVYmxre671aq7V6ZXak3ATxqjGI66NajVVqtXKiN3q1V2N6ZF1ruAiWJ07VY7LHA1mtNcaKxen7Efk7p++yASSSN7aGBiI1GojkcmRMm7MidwzoYmtwGTYbqrHornus1yObrXoRyJ+Uaak2uAu4crG1bEV7Ve569suvMqJrRvSqb3bE2IBvgPLHD99JVX6tB1VLErrkCOo5pfYBFCBdi3AWGgZgAAAAAAAAAAAAAAAAAAAAr1OxoEAGMvNSeivyA9waP8AeLD\\AFaPqIRVqWCOVe3jjd6TUUDS4poxRVsMrYFfQvk1udSrlRy6lu5uxdieXygVZm4zh9JHTR4dDXxtjdG3ksqRa7aro\\Z50VQOJUaVWH4tGtU5KGtYrI81TA5Y2s4tGKsUutubVrVy6+hALNBJXYpWtgqX8pZVwyOSZahXtYrUe2zESya3I11\\ZYC+uAuwvC44qTE5mSthiSRsEjYnyPZZHKrrXXUuu632bANbiWKyNo1xKGpdHTOVtpo7SySXRq8WibW682pbpqAlq6nFIW1z8OWmjjimzSVLYruTWjXKqLq1ssqK1NqKlgC01eynrWz4xXSpM+JrJal1mq1z3WdG1LXu3LdNl7p0gY1ei9CtOjpGpSQU7FRXvVFe5L6nKutES6XSy22IByiHDVoIVmSV0sl3PXNG7XqTUiItr6vaBA\\E8YhpGuq8LiTtVdK+N7ltZubU21\\Jt2gUv3mhneyZ6UsdIquvLJUrqVES6ompFRFVL+1NoG6werw\\EaeldekWfXZsKrlui67XRF8tlS4E0+IYXKzk08scbZ1exGvbl4zL3VulNS+cDX174JaRq4dxj423RWRJ3SL+bldsTpv0AUMLpX3jxCZ8McrmLGqQtRiP2Zc2vXl2X3eYCpTPw2RaafjJqhWzLJCkbVRrnNdZ0jbfV+qm7bbpA2WJSVDUgdT08dVEkt37czEtqc1dya0Vd9kUDXTpFU1tK6Fi1avcnKJtTVp11Na9jF290q69qO8gFzE8Hp6WhZx0bIqem1Irlysts27ksrrJ5QKa09XiM1d2Ow6aTDqtqN4\\j0h1oiWcxHJfVayrsXbrA20WA4nVLTzVVe2ikjRySR07UlSZF2Zlem5LpqTeByDDKFuH06wslllRXq\\NIqKuvdqQDrzC5\\8A4fi9QkivnStq87nP4tzkRyo1c21Wona2To1awLNLRJjVLP2FliZUxsZInKoXLJC9Xqq9q5bWVL6lui6rgXo9H3UzmrU4hK9ZGua9W0cWVM21HtS621J5E6QM36IufRvhpsXe5FaqNR0TFRHXujtWu99V9ttQGsmwGpijkmkrGxuz8c5jqVqIiObleqt+yq6lTZsXpAxiwGWbIlbiiLLZVblomL2q\\VTX2zVRGpbWlk1AXGaI1U+WWnxqNEaitVX4cxVci7WrfampNW4DVYngGJ4TAr4sdo3thy8XG2iYsjm3VVZZL36UArro3M+no5oa97qNrv4MjaZFs21srkXY9F1Ki6lRLXAni0aqIqNi1tUqQI3I5EpGujexHLZEbqXet2qmvp1AbHlEdQrHUj4JZZGOkVIVc+KBI0s3Ktu1W2+11VUTZrA1UfGTyU81TC7E1a2PM1Ka0iPV3bI1FVEY7WjlVVXWqKm0CxHhVPXNWaCOuRrW\\wC2USs4t00eZyrZiquq6JdrbbNusDaYC2PBqpznsji\\hsclO1UY9rXpdUcru6yqmpL6sygchqKXDcca9U59naufHdkrPIu\\2LdANVNT43gbM9CjcQgRUTJ3Ko2+tVb5E3t+EC9h2leHTyLFUPWlnTa2Xufi2e+ygbmpWF9M906xrTq27leqZbdN9lgIMHSkbTKmH1CTwq9VzJNxllXde\\5AX7gLoAzIAVyAa\\HmRvwuZszUexctmr9ZbpZPfYDilRWupqSmnRqyRRSOcrbapGuRUW6+3V5wMszo6KKn4uOOaZF4xiqlords9HKmq911+QCrXJNjFPKxGJHC3toWondPTY5yeW2pOhb9CAfaFM\\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\\Kiot9a7LAU31EsM0NLVQyPkjp1p45I+3WNVbZEeu5UXUm2+pQIaBkc68ge+rpIZpllqHIxY0lRyKqKjWrdi9KbNV9igY6R1SV3+wYexjW1KxQq9tsscaNR0jkTZdb+9Wgcgw+jckTW0jskcbFa1+aysbGtmssibkWy9K69YFqshWOiRz6lYeKcqRZEc9Vcv\\AA3NTW5fLuAioMCmmnhqKdlTSR5e3dUO\\iSa7p2u7Vq17vMBuqPBoX8VLiUXKKiG7Y3SuzoiXui5e5v5bX1AbrKgH1EsB9A65hpP9mprUUcqNrpXse9Mqtcsyotk3rrvr1ecDdMqaeRj80k0NQ9zoWcovFH2r1\\h3b3Pz36wNhhrKKa8M1HDT1aKrlhc1EeiX23+sn9pAMG0dPWTPaqPpa2Je2TNmW25UVdrV\\kBhHxsGNJSufCtQ6nV0U0ka9u2\\bNTttqLZVToUDOrp6mhw6qkp1p0ZFE6VsMcV+2RL9rdbJdU2IgGL6fj1pXNllmfLC1yxyPVzVarm5lt5rp7QPmHNfBjskbY2RUyRSIxES11ST9FQDQ4nUzYjXOwzRd8sbJH8ZPVNlcjGpfWrehFX4tdt6gb2fRls+HJT1GJ4hK9jV4uWSRFVj1S2e1tdtyLsA4\\jUeJNoUnr4ZqZWOcr5KZWqjWJlbmcq7M1r6rrl1ARrHiDsSaxJZquSN7X8a6lVUs9bZUy9q3KiNdfbbpuBynD9HoaWsp6tZnrUQsVicU1I2qiprRUTWqX12VdoGq0jm5Lir5Ukaq3jRYXNaudtlRda7LX2bF2eVA1mIxUdNNDUq7kcUjVbFIyV6taqLfKje6auq9k9ygcgp8YqsO\\hY1C\\i7XZVMS7XJ5bb\\AGIvkA2EtHh2MxJMiMkVUsk8Tsr09qa\\YoHHMYwKtw7DaxaCrY6kWGRZGSdqqNyre6WVrvci+UDHDqfFKiWpkwathpY3Mgc5FYitVyxNuqWT5qBsIcP0qYyz8ao5VXppstv1A+zUulCRvVlbRuktZqI5Wpfp7lQMYqLSRUcrqmBrnWVc1S5e2trsiM1JfcBm6kxeCF01diUEUbG3c7jnNannVUAvaRvlj0Wq3McjpGwa3ImbouqbN19YHE46qTFHR08kUNNBC9HSMc\\MjVy2Rq6ksiJsTaq9CAS4xA6OOmpuOV1JG9rMyotnROTKrpFTaqKiInTZfOBPSOdUM46D+Kx11Rb21LqS3s2+VbAUYE7DOqIK6SGOja5z42ufe7HpdUTyNW6e8Cs3HYKZZ6WigfUSVU\\GNkk13RyNajkamt2XKmpPOBpKnGa6pkVz53Mp3uja\\i2pleiJqXUqJrS92OVFAoxzLFQTVDnokLHo1udjkYj7rquq6ltqRio5q9IE9bM2OJ09Q56U6Kj3SywrGxFVH3V0SOVyOvsdGlgIXVEzVgW8zJKtt2RZeLckWZboio7NKq7bP1oBsFqo0R9JTsetJC9GrFDG5rUemVLNa1Vex3S5VsvmAo0TJlnkoHMVsmbjXRq1XKvbN7lkbkYi2Tc6+\\aoF2ia\\kTmUaVEbFukbFVJPqqi3aioxVuupr+227QHHQ8SsrpJWyU68Wr5VzRoqq7U5l8sbr\\VVFRL7gPs1VVS8nqc0siQNaqOc7K3KquTtXL3LdSJ2qOauy6AZ532mqWPmc1ER8r8uVGrdcy2Xtr21I6Lo1gayaumgqGPdLOiTscyOWNyMe5FS3dLd0nmVEUCeKWZ0k1NSJNUxOdrjhY7in6rJdNb41zJvVNnQBeoMExqqp3xRpURS3VqJmVHMSzrpn+u267HKvnA5RhmhT1c2WsnfC9qorGRuRUZZE1pq1Xts2eQDlFBglFQxNZHFmVqIiK\\Xs2f+9wGqpleuJy5lcxja2d23UqcW1qXTouoG00aXNgVIqIiZmqurzqBraeVXaRVLO1Ti6pEWy6+2ZdL\\mBygDyxw\\fSVV+rQdVSxK65AjqOaX2ARQgXYtwFhoGYAAAAAAAAAAAAAAAAAAAAK9TsaBABjLzUnor8gPcGAd4sP9Wj6iEVxzSWma\\G0lnxOFkWRMtJJEyVVXpbm1t9i6wNVG+uwyVOLbPSwqt0SmlWTPfekMi3S2\\ct9QHKsPxpr2MjrnNjmvkWRqK1iu6LLrYq9DvYqgZYhj9LStlSNXVEkbsitj1pntfLfpAsYNijMR5QiRSRSQOayRH2VEcrUdZFToulwNlZNoFKvw2kr8i1dPHKrFRzVc26oqb0XaBQjwOGmltSRtZC66uRVVzlvt1re\\+GroAhodH2RUcKSRxxTxNc1scWtlrqrE17bLZfPcD5SYTUvgetTmie2Pio0hkyrZbXcqolkW6arbAMqfRmhfmfXQuqHuRGq2WZ8jbJ5\\zA2dNhGH06N4qip2WSyWjTUnk6AI5cDwuR7nvw+mc521eLTWBi3A6KNbwRyU6\\wD0ZXM\\JFsBra3Q+kq0s+sxFq5s+ZsyXvq1qttexAJqfRmninSaSprqh6I5LTS3br8iJu3dAHHqbB1lxjEqmntFM172pIqIqNddqZrdNk\\9qBvafA1WldRtl4nDkYjY+JcvGPvrV6v23v7gNtSUjqZzGtlvCxLNblsvv\\x23AtOnhbIkbpY0kVbI1XJdV27AJLp0oB9ul9oFetq4KOLjamVsbPKu3zJvAhwzEGYhHK+OOWNI5OLtI2yrqRbp5FRUA4fgKZaSS0j5GJi9SrHyLrtxqavNe6AcsoYmyNrWSsjcx1Q+7bXRU1bUUCpU6PwPjRkE00DGrdjUXMjF6WX1tXzLbyAQ1GG4xDBGtJWQ1dRElo5KtuR\\lRXM1Ki9FgK2J4g+aamjkhSmrYF4zLIuuN2xHIux0a62qqbLoqoByChqY62kR+VWLrbJE\\umLvav\\vWBqFc+mpaZI2ossKcQmq2pJGpb3AVcepG6QVPY9801LnimakkS60ySM96Lqui7QN1gGEQYPhzKaBXSO7qSZ9s8rt7nW3\\AC2IBs7AYPY1zVarUVqpZUVNoGsibDh9fBSUyMhp3xySuYmy92\\qBtV2AcaxikSqxNzo6SKeSJ0auc5EVWIrVS+vyX2bAOOQSy0tpMz2VLXqxqV7HNu\\akjnW13RUaqJ5FTXcDfw49MtVK7EadtPhiRtV7pNaNVd90RUddVtbciIuxQNa59AuI1vY3EHYZPB2rmTPRIlV1l1JtRdS9NvaBr63Tl1Ik9DWJDiLXxObyijd3KLdO2vZPcBtsDxCiwVlazkz40dKx7uKYiM5pmtLqntsBtGaW4a5EX+PZb2XJfZt2L5QMX6X4UzNmWoVU6IVW\\mAybpZheRXLJKxifXezKn5gcf0wnp9KMGZBSSVLLubLGr4u11Kio5U2qtroiLq16wOUrddGYElRGZ4Y2PRLKiXREXZq37gOGSouH4G6nTi6dbtarXKiOdZe2VzlS6uVrXe\\aBhUaVU0UcSwSMmfVM42B77sjY1e5Vd6N2Js8mpEW4aaHSOtWDEYFrUjYmZ0cVMiJxV\\sPVv8AEbe6oia11+QDV1LVlo5WR1MUyqqLxsb1SFEajkRM+W8a212cqIoGzqaZKaeHkKMlfOxkj2qjE+t3SuRuVUT7bNfkArunWlkZMi008siNY1+dsiSNyp3T3MyPRNyIme4CFyNTOx8awRMSFsjVVVe521nGvZuvqjVNyWUBAjIlVjkcyJHWVVR0apZr11OVivau6ydrrUCanoXNkfGrnIlU9HOjWFzc2t3dRIiukTpcioBDDFxdPFyft2sY5KdXMciKqql+Lype6JdLPW6btYEkdBOtPUVMbEko5mu4yN8Fkasbku18bbI12\\Mi7OkDOmmdWwQ1CKlkvGjkjRzVZZqd3qa9L69fbIBQramSibFWMs5karEkqN7ZVVHXbd6XRt17hWqmxbgTQ189O5iuXJGjGq9JYV7tWuVbXTPHrVFu1MvSBF\\t9bWupaaKblGfN\\BhVzroj1S702a1sr7p5gOVYToFU1UDHYvxcOZ2aSJjWqj9WrMiJbMl17bcBt8OpqShq8Xo4YXvfTLGjXKl8+ZLo166sy79e7WByDBpWzVFU+NWcU5sStaxbtS7ddgNtZAC7gOLwSNR1WquaqLPMqqvkdeyfCBvMLa1uHwIxuRmXtW9CX1AccoWtbpbiSot1Wqiutrf8NbJ5V1AcwA8scP30lVfq0HVUsSuuQI6jml9gEUIF2LcBYaBmAAAAAAAAAAAAAAAAAAAACvU7GgQAYy81J6K\\ID3BgHeLD\\Vo+ohFavGUlXF0Skpc07mWWWNqI9E6Fevcp5veBqHwSyVCQpI9UVbZKZVu9d6o5df\\cBQxZJ8Inp+UQpS0ckrYbtyyN361v28l1sll6QIcV4qmrJqFbJJUPSRrEvHmtbt9urK5Goqou5QNzwe1c8yVSVCNasi8a9XqqPdK5buRW+RMqAc1bsA+gAFgAAD5e20BdFUD6AA+O2agOIVE3YzGsUie6NqTxtqY1brW10Rb9GvUBy5iWaiJuA0+P49TYWjIFkiWtmReKic5E\\7luvcp\\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\\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\\hyqiOu5Eat4nIjulUAjpsHqHyosVI+CB70jZJK1HOkXV2rotTF1pe6a+nWBsIsGqIcOmjrKKZsEqIkj2TZ2xLnVUk1prVq2VOhLpuA1TcOrX1dVG2lnqJZnrTuc1kbURWq1V1KmtmpbKllW6KBbw\\RPGp8aa18S0lE1ioszst7qmvZ2zmrqTK4Dl+G6DYRSIvHQ8qc7bxvc38jd3mA5JT00VNGkdPFHFGn1WNRqfkBM7uVA6\\rHyRaSYxOvGua2aJX7kaxI1tZPra09+oDf6MPlWuxiOZ6PfFNGyyNRuX+E1be9VX2qByLYgGKrewHF2OXEnpVJxeWGpfC6NFsqo2SyLb3qoGWFaQ07I2wTxSxsa56LM5zVZZHKl7ot7augCKmhbJpLxsSORG1DpZFVe6VW5W6uhLL7wOWgeWOH76Sqv1aDqqWJXXIEdRzS+wCKEC7FuAsNAzAAAAAAAAAAAAAAAAAAAABXqdjQIAMZeak9FfkB7gwDvFh\\q0fUQiosZndTxPkkqW0tKxuaWVqZpE121JbUnl1gaiPFJJZ5qfAaB2VHWlrJtTL9N12\\+9QGlrX1tRX0lZO1zqeC8jZJGustnWRypbVd11RNq2QDUaSwJJLQVVXJyrlbpWox6cyl9TmrstddaLtVfIByTQOppqmVWS00bayOPPHMqXerE7RyKq70VETzKgHN27EA+gFUDW4tjVBhLWrX1LIs6ojW2Vzlutu5S628uwDR1Gm0L2yOwnDqzEWRojnvYjYmo1Vtmu9UVUui7gMqrSisjhdIzCrNarmuz1Dbo5qojkRERbrr9oGcmLYvUwVzaWnpaeamR38SRzpGuVNaWRLbQKNBjWOsSPj46Wo4+o4qBsn8J6pZVd3N0VG2XXbegG5qsWxOjdAk2FMkSWVIkWKpTau\\WiarIoFWq0qka2jkpMJq56aqi41s73tjaxL27ZFW6bU3bwNcmkuPVEjuS4bQNpEj5Ryx0z3RpFfbZGot9TtX9kCGrlgxihq6\\FmshfSRVEDnsRWtyWvr1rmRbI7yAS4bpVVy0NDNQx0VXQOp83HOnVkj1ai3TLbUt0trXaBVWgxGnWfE6p1K+pkTtpmUzpH7e1VEdsRLpqTZ5QN1T4bRrX07XIlZmjckrqx6yOTyNavapvva1gMKLDW4TiNU7CYoYlcscKNdqYrUVVtZEulr6tuoDb0+J2ycsSKJkjVdHMx\\8N1tqXW1l84Fiqiopo2crjpZGyL2vGI1Ucq9F9qgSYfQ02HwLDRwtgiVyuyN2XXoQDhmBtjXBom2yuXFKhb3vdeUawNtidG2v0c0gpnxrIkizpkRbZlRNX5ogHDcP4O8Imw6mkqK+rp8Z4htRx0SrGkbrIvat8m\\XcDn+ibqrsLTsrqtK2ojV0bqlGq3jbLZHKm5ekDdAavSSJ0uEVDGOc165UY5trtdmSzkvvTaBx\\RqubVYojI4444YaiaJrms4tZXI1Myq3Yns29CAbqusmlGF3tdaeoRPewDdJsAAAOOaYSSNjp42uVIpeMa9v2rNun5oByJdgHHJqenrsZxSlq5HNblgVuWTKt7O9\\mW4GTMKraBqtw+sesSa0YqIi+bX2q\\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\\5AVcUpqimw+KCihlnc6pYixyPzKt1XMuZdaLfVtsl\\IBNLTLSYng9P286LDUS5lerra2drf6221+gD6mK4fFJxnLIEbGySJyufrR\\b9rbp26gLMGK4bTTQrLVwRcUj2yZ3o3i3LsRfKoGcWJ0bJaZZquKNYXvdIjlvZFVERV6L3T3gZurqaoo5OKmhc1z0euq7ciou3yKBXoJoIsWcsD0WnisnGKm2PWjUvuyOVU9FU6AOXI1APoAD47YoHB62WKbSPF4JHue5rI04pt1RuxzXeRUUDdaLyNnXEZ0i4p8k6K66Wc9UYiZnJuVbbNyWA2mLSPhwurkhfkkZC5zXWvZbalsBLT3dBGr1u5Woqr0rYCtLg+HTTrPLQ0z5l2vdGiqvtAMwnDo+boKVu\\VE1ANLSOXsy5zXMY11QsauVUTU1XKjbeXd5lA5SB5Y4fvpKq\\VoOqpYldcgR1HNL7AIoQLsW4Cw0DMAAAAAAAAAAAAAAAAAAAAFep2NAgAxl5qT0V+QHuDR\\vFh\\q0fUQitNj9DR1OMx1Fc+eVkLMqQI7+Hddd3ImtUS17bANBjclQ175JZUjigkYisRyMYyJXIjtWy1r7ekDewSU+JpJLVwsWmgV07kV2ZFVF7VF83QBxrTSGWsrocrESV6Mjijcqtsi618yJq9wF3BKd1JVMrJFe58X8V6QKjmIr2oj2KupNqI5PKoHIcRxiSNr+T60dZrGqqNdfbvXYuy+628CF+OVEcL\\AOCr3r2rUSVqLtsi612716fIBx3F9Jp6SuWircSZhsKwumdKxUkmejbXVEVbR3XUia1X6oEGh+J02OV1amBw4gsEKtWWpme1JZLqu1yrmVU3ItkRE2AcqY6FlVJJBROu9nFyxJsve\\bWRdesDX1uHyVj2OdQytmbOk8b3NVWsciquy3l2+RANrMlRLTyRMo5Y3Stc17mpa6qlrqBQiwqvRY5HLVuqrNbJMsmt6N3Il0Rt7gWqrDq+d7s0tWsaZsjUlyrZdyrfdrS\\lAgdVVNDLFBU0Ubo4YkZEqrb2La\\wBlN1+gCtUvrqaCmpcLfBDDJaJeMhSRETLmsi37bW7VuSygW6eB9Ms7auNisfHGr3sS+Vyoue6bFbe+roUDiOCJDgWJ1tK6JYKR8jnOiat8ipvZquuq2pO6bZdqAcxZiDaxFSokbJDGjXpdqIj1ciZFyot8iXRbr0p0AfEXkrmVSNbx80V2OeirkTVmTodbbdUva+2wFziXw1EEa5X5e3VbquuzlVfeqIBCrnVGBMT+GjWSxMYqNumpyIupdSpe\\sA0FBSK10FLVwJHRvnnkqYJqVMqtS+Wy2sibV1eSwHLdHoI6eikZAk7YVmc6NJn5rNWypl6G9CbgOK6OMcygc1zk7XGKhES1k1zIv8AiBuJ31iUuItp0ikSd87GtcllY6y9tfYqdN\\zA0lJVMo8Op6adHVddRokD3qyz6puTtUzKtm3um3aBzPBli5BC2BWq1qZVRLpldvSy60su5QL9wKGMor6RGN2vljT\\wA6AcY0XayPFmturnSOfMl0TtczU1J7lA3OJf1rwb7mp\\yAb1NgAABxytY\\F8bmopFYlPRuikciXRzmvY\\f50T2AciXYBwrFYq\\96MQmpk42n4iCPiEciXkVXds7MitsidIFePSaKknmibUJxdPGkkkiNc+Kyrsai9svnaqpr2Ab2HGKDEaXLVxRyU7kS70TjY\\bqu3\\uRAIpcAhVqT4JU8nda7crszHeS6LdPeBo6xmI4fUPqqqNsMzmObJJGqI2ZLarrqa7X05V9oEba9JWrHhsqulnigllbTK9XSLxeVUcrWqrUSyb0UC3Syy0ELXro\\VPdGqvjztV65v7KInaqvSvtUDaVGL4y1VWmwZ0jdVkcqtd7bgfWYljrmI52DMau9Fff\\ABAq4jX1dVSyRV2CceioqJE+ne5Hatl9dr7LgbXFWyw6LK2mjip5GRMRGORVbHs1eWyAcL0RvJpDjk0Stkcx0bc73Ij3IrbqqpuRVTf0dKAcjwOhhkq8bZMxZI6h6Zon7k1+6+3VsAhwqlSonifTVMsUssGf+K3OsbE7VGtdqvZyXTNr1+UCxiKrDPNhsrWzw1FC900q6n5rKiLbYiWRdSbFAlZTcbTUVNKiPhSryo1\\bIrGxrq\\ID5jdLFh9NHO6qqMiTMRrJZVc1q67W377bQNSkySYlhLGt\\itjmV6NTK1yWaiKi70TZdN6KAWVWzuy4RJIn8REd2qKqdteVE9tunUBjDNIlQ10OELMkccitzI1OO1uTNe3k39IFukmfEyiVuG8Y5znK17XIiOuqXRdX\\ALsBnJVTrhyu7G3bnRVVHJ2z7am7NevVcCRInVlQjJ4Ep6h8z+0vdrbMVEv03138igbTAqqRUdR1F0mhTtVX6zNnvRdS+xd4G4RUAAVqaV0qTZ0RMsjmNtvRAOCt4qbT3HY8qyKrYUfZcn1HJkXfZdt\\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\\WXoTXb3awNiuLUCNzcqjVvSi3AwXGaBET\\aL36GOX\\AB2Yo8yI10rr\\AGYXr\\gBmmJQql0jqVS9tULv0Aptmp6nGKqnlRUz07P4crVarkut1S+23k2AU6mkkw+pgekr1pmSK9t2o7Wuqy\\rvXy7Qow4g59PEvHVLMzv4zNq3u7U1N19WwD7jmDOxTDm1EzlZWxsR6vRNbXJra7V9ZL+1LoBjguGTtw+OoraqJ00clkzRcX\\AArWWPXrst1VOjUBce2qgwZIGUjqx8L1dG9kjVezbZVS+tURbKibUAxw6odLEkcMiOZdYGoreLV9k1taq3yqmtPLbaBflgig0dfDSRrTMhb2iTIvaqjr3XeqX3gcWqa3EnSYhTNqY6irdWLLFDUORGwR5FTLdLX23S19QHN8Kka+ka1iqqxo2N10tZUanvA4bo0xEo6l8kvGp2ZqHOe5+pqpKiImvdZALldM+BkrWyIrH1MjHMd9ZM2ZVTzavYBhiGHwzVzqaNFbWJUMcmpFXIiLZUXdZFv7ANxQ1kdJiNcyoXi2LIl3rsuiIiKq7rpl19IG8zI7Kqa0XYoHB6SJjqyNWzSyPWvzyRTyORzf4i2dHrsrNWzd5NgFahmZJUzRtzMlZSTWzXTN2rtae8DksbXSYlgUrnXVKWRV8t2sA36AAAGjoVVuk+Lfw3IjmQJmtts16+7\\ABA3m4DU0Tb43i2+6QpZfRUCDHKWtSNrsKjplmTfMxXb77b6k2\\4AcdxN602KLUYxU01Mx+VzNbkkVETuI1brtvtrXdvAptxCWBsVdLJTU9NWSK2jWnqFbNMt9jrNyKq+VPaBU0r4QKzDqOmWmbSSukeqOjnic1ZGJdFW2tqtv8AWa5dgHG8H4T8ZgqZZK6Snkhct2QMhRrFXV2iORbt1bFW6dIHaeG6WUmIU7J6NrHxuRLpxyZmu3tcm5UX3gTQaSQTWWNkT2qqtRWVLFRVTaia9agTMx6LMqPiyIm9Zo7fMCTs5BZVVqI1Nd1lYn+IDHKiJcAknVUyPa1WrdNaqqW17N6awOMaM0ipiOLSTSrxs0jEREaiN1NRFY3fq1Xv5F6QNngGIrNW6ROlaicjk4tFRO6ajEVFTybQMdCZVma5FRXcnR8DXrtciPvdb+cC5jNOklXVuRyZ1ou1ToVHOsv\\AJlAlRqUs9AxzbrNVyOSy7LscoFLhBjllwimZAtn8qY74UVfmiAaSF1I7G6BsDZeP4p\\GvdsRrmsflRNyKttXSgG3Y+932sjaJVVdq6\\\\uBZpIrPp0VO2SkeqLeyXVV\\UD5hbHJS4Y178yJK910TaqXsBJ2qU8EbEyZqhU8+rygZxO\\+MtbbWtQ\\bu\\hrrA+YzHLBWw1FOrWvkdlYrtiSbkXyPRMq+VGqBs8Lq2VtM2aNrmLra9ju6Y5F1tXyooFwChhz8yVWpUtUPTWBxdWv\\fasaj1a2o4tq27qzUdey7k6QOS4WxG1WIqm+dE9zGgSY3d2C17W7Vp5ET4VA+YRIslIjFaqcVaNFVdtmpr\\MCSgrW1UMj0YrOLlfEqOVNrVtcC2q6gOFYDUNdpRK2NEWRX1ESdr3LGyIrrrvu5UsBzUDyxw\\fSVV+rQdVSxK65AjqOaX2ARQgXYtwFhoGYAAAAAAAAAAAAAAAAAAAAK9TsaBABjLzUnor8gPcGAd4sP9Wj6iEVjFh7I8WqK6yJJI1rEyqutE3qnTu8wHB9P3pWOquMXPDTSRIjfsrnte3t3gY6JQxU+F1cz234qVzbXtZqojrX+zcCSCCfisQkaueSGJIkVUtaRWq6\\vd\\5QKejNROukFXW1yvqIIJGNYySRVWJyRNusfSq5l7Xfu1gc7xGhgxijZLBI1JMv8ACmRMyKi7Wqm9q703brKgHHqeidBVSwzSTOkc2yQq9ZHrbocuraqWVd226oBu3YFG6nyPVio5qcZFMnGx3ttTNrTzoBrMOocTjWeXDZqR9C5yOghnj7lU2ujVLWRdyL59igfVpaSur6DEZcTrM8d2u4prYmOVNWWWyX1Ki6tgG7bi0GtsLVV6oqtba2a233dIFuGrjkZfNlXoVb\\mgGDq9jXq3LK62rtWquu9gIJqySRyJFmRLqqOtqdbygV5YkqKiWSRHIqo1EezU6JyXuqX8\\tS4FqCVZFWjr2MWVzVstu0nbvVP8UA1OJUTsNqOVwoq0y2R6JtbbZdd1tzvf0oGzgqIJZGPSVqsvka1yWcjl2Jq+flA19XhOH181DV1bbyMe6ysdqc7ZbZr2L7gI6rD2NxVskELbpG7MyFLKq3Sy31Xtt8yqBWiXktVHE1zZKmJ6ZFncq52P7a6p\\ZW9nfzAuLU1lbSLNJJFGkLmq6GK68ZfWiOV31bLe2\\pApQQLHjUlK9v8Assrr5EVLKqIire+7LuS2wDd6L1EFVh8r6SmfT07Z3sY17rqqNW17fVS6bAOAaVUM+AYrUyYZDHV0MjH1jqV8KSuc98iNejb69aq1U6NaAR4XC6TAaV81dI2aokV8maidle7MjUYrnfXal9m3ZuA5tLgr4nJPQVF5ERUkRqI1ZHdObp1WsBqJMTnpcbq5LMihSjjfVuqW6mvvly3uiZrWWy7lA22FUlU2RZsNxOnSlXU6m4hVax3SnbXb5tgGtpY6llbTwSLTzxxV\\GPa\\tJaVVctlb9prr6tm3aoEbKdEkp5kuj4qepjyomp2aNHX8+oDf0aOdNgj1b\\APKOzW3XawDepsA+OWyXAqz4hSwVDIJqmCOZ\\cxvkRHO8yARQUsjMTrKl8jVZM2NrGIllblvdV6bqoGwXYBraG3ZjEun+Ff4VA2KoBTrMOgqnZ3oqS6lR6WVUsqKm3zARYjhFJXUK0skeRllyOj7V0arvau5fKBpGaG6PPrE5RQRSpSxsp6dkrlc2Nlr2RqrtVVXXvA4rwm6P4ZXYS+tw6kSlraORkT3MajU4pdXbNTcm5bXAi0Bw+jborhkcrahZKvjVfJTKrWtarlTLLuvqt0p5NoHMXaMNm4ypfL\\ALSsPE07HNVrKZtteVE+tfXm27tgFWvwuHCaXDXpHiNXyRjkbBE\\O6Zy2R2dy6natSIvs2AS0uD02KrT1zIpIJYEcsXGyK\\tnWVMyeS35qBudJsL7M6O1mHNkdC6aOzXsW2VyKipb2ogHF9GW19Xh9W1WMhmWZWr211p1RjWvcu9yuVFcnl1qBtcAlmfQYvnpeKgRV4ht7ue1I7a\\an5gSYHI6ranFSNp5n07JM0LUcituqX17V1bQMqhOJrpqfjpZ5W0jVc+VbrZ0m+2rctk8gE1PGxkeEoiuyMnVGXTaisdb8gGlUazQ0MKI5Wy1KMejduXKt7AcXoqpJK3D4J1atVHSyIqtS6uVHNarlcmq9kbq2gbZ7WxrUser2olA3W1dmxFAuUcsizROaiqxMPv51uBJSdrJhyLfKrZFuu1Vsv8wIH25HROv3VUi69q3sBJBZukOu13TvsqL\\YUDcYlRR19FLTzK5GvTumrZWrtRU8qKiKBx+hnqsPxxy1lRLIlQ9IZmPtkY9U\\hvZZNTXWVq\\2rAcjq6ltNTumkvlaqItvKqJ\\iBTgflxOaNrcqcY5Xa+67RusDVRI2HSCurERHPvxKJ0L5ehLL8gNvhSqs+I32cpVE1f2WgQyTvlwGvkz5ntbM1Fclk1XRPYB8wmoSJUiejlfNM+1k1JZqKoGsxWVyaP4o1lLxrFfIlkejVc9ZUTL599wOVMvkbdLLZNS7gOK4M5q4grGMYiLUSXempUVr3XTy3VUA5YB5Y4fvpKq\\VoOqpYldcgR1HNL7AIoQLsW4Cw0DMAAAAAAAAAAAAAAAAAAAAFep2NAgAxl5qT0V+QHuDAO8WH+rR9RCKrYvXOjnbSwSshlkVrUkdrsrlsiIm3o8ll2gcJoYaiWjrOMqHSLVVUjpH5dbmx7FvfVsVejcBepGTtkqe4fTTNbI56qm7troiau5UCwjFlpFkRrYn1T3I2+1qqqo26dG3b5ANLFTS0FRiD5Y4apkkzJGUzndrmaiMRVd0XyrfcqAcvxeofh7oX0aKyetXKrMycW1bXV\\pIl9m1bAazBsuK1f8ACjkiiRVetpHNXilSzXKqWW7tqIu5VdbWgGxbSSrUuoJqqohge5VRjn8Yk0abUa9e2avSl11bANrgz3OoGNmW8sSrE9VRE1tW3ysBpqxskOI1sMVrSpxjWrqRUclnJf0k39ICjiernvhhaxr3pdyt7Z1ksvm12Au0z1RyxMelmKmtuq3k1779AHxjXX4tbual1XNdFvv8233AfKhWujYyoejnq5qLlVdWvUqb9VgJJpHNa5q5252qxzo01+dAPi\\xIuKqM2Vlti2Vrk2Oau4C1TVL2ytpaxUWVU7SW1myp\\g7pT3AUK2hkoHvqKJEWBdckStzInlt0J5NaeVNQFmDEYVgfNJI6RquRbI3NkVbJZLbem\\RdQIHSPlr1dErpXx0zo39rZczrKl02ps\\MDW4i5YJat\\KY2RIzfCrlyxK1F1+dV3XA2EMbKiknljc6GJHuYquYqZmI7NfpvrVEApJJPWYu6WnYx9HlSRInttJMtsqJr7lqa1XVrsgG00bpn08eIK+ypLWSSsVFR12ra2tNvR+W4DW49MkGkmHulfGyJ0WVj3Lls5JWK5PanyAsK9KjAZmMc2VtRVPiSy5kc10i3svmuBwrG8Uq6CCmq8Nknp6aqRH1bYt6Ndazb9y5U1agN7iudcDro5aeK0S8W9i9sxXOa3M2y7UTZddoEtVgOIYDJynRpVnp07qhkfZzU6I3LtT+w7V0KgFiLEcOxt9HJNGseIUlTH2iorXxuVbKiouu2vYuoCOJnbMe9XZnRSqmvUvaOT\\AAA2tLIiVWCss67qNyou7UjAN4mwDRabYumCaL4hWtnZDMyNUhc5L3kXuURN63A80zLNVvdU1KrUyvdeSaR91VyrvXd8kA9EaGUWKYLh8FFjOINr2vskErU1x6r5Fd9byOA5WuwDW4eqrjWKpuRYrfABswAADV4ph\\HVdPWwKramBdiIn8Ru9uvYvQu3dvAqJWRLBXNngjarkW8aN7eVVS2XLbtlA4loy5NEsQxCKdtU6jl5N\\s0buOWnlkauq1rre27ZZPOB2BRV1JWtVaadkit7pqLZzfOi609oFuyAfGMa1Ea1qNamxESwGS60A4njbuweIzYjGxy087F49rdtk2u\\wC1O282YDHQ\\FG4ngeIyMjysikcxqot8ycWioqe8CxopTcRxbVcqrHRRN1qmpFc51tXkVANJplpemB4vUUGG03LMZqYokhjy3a1yqqJm3+WwGxjXHIVwzs42lkk4+Jj5aVyo1FW+tWrs3JdFW6qBd0we+GDD5mWtDVJI9V1IjUY66r5NgHH6GCOXSKB7nRq\\k\\G5VddzuMddV8qJZNftA39TSqxKxjXLk5K1GqqbLW9+wD5TJxc0jWN7aOhaiImpN2wCeltJLh69tqjet1X0kAqwObxGHN1ObyhdbrblTYBM10UGLRue5jG8olVVVbJfKu1QNytdSZV\\wBqg\\EQDSaQ8hq4UljqYnytarXMZIiukjXWqJ5Usjk8qeUDKTEIqvA5Y5JoVrMmVY1kRqucllRU8i6lTzgZpUvbi8sqK18FksqKiJ3KJqcuraigUsmWWtdKsTWTOeqPikSR1nW91lRE6AJKaqe+GZ1RXUdMr5kkyPka5UREbtVrra1T3AfHM47C6qibi9A5tRxn8Te3Mqr9rdcC3FSVjkppqaehmRi5kerXLmu3KqoqLbYBjVYbilRRsppKmlc1r2SLIrHI5ytdm12XyIgGxcmJasr6P2sf+oGiwRXLjyxZ+5hWTLbUl5Xav\\fSBywDyxw\\fSVV+rQdVSxK65AjqOaX2ARQgXYtwFhoGYAAAAAAAAAAAAAAAAAAAAK9TsaBABjLzUnor8gPcGAd4sP9Wj6iEVqdI5Z4aqNY5o4olcndNR2ZyJqTpRf0ApYdSNZgyTcU\\wDgRXbHqRH3RbtW+7WBWpGo2noah62c1WMerUVWMaqKxfdZNQFlXTVEzYnq9JmzZW526mpeyeRdWsDPkEr5KmsjasXEve50WS3GJZqoiea3+AFKphkqXUtJTyNqIEZdUveNXOcqcXfaiarqm5EVE2gcvw+jbR06Ro7O9VzySWssj12uX\\3qSyAUcUw+SeR0lPO5XqiKsCyWRVTY5i7WOTp2LvQDV4Hi0ck2KQvmWJ+XjOMkYidsnauVEuqOsqNuqalUDVVOI4zToldG2pxNvFK1Y+SJGidGZU1pdbrbci+UCTCMXxGsfNloW0sDUR6zLdGsRdbsyqtr6vPYCtXaaQ0lWsTEdPaWz3QMyZU6EVbpfpuBsk0noalYUmkWifMqtYk6WaqLqRM+tFcmrVvA3EaMe5Io5I5XOYju1dqXXt333gfWJFErVVqMartTE15l13t03AR5VVEytVZE22zX1a0\\+wH2aD\\Z+LujYkeiqxbXXosu1tt28CagrnNk5PWKmdVyxypez+hF6HeTf+QEGIYdJTycqwxtnJfPEmyy7VRPzt7te0NbSycrkbJGj21b3WVyv7aNiWRO2S10cq3v5NyoBsaiNlBWUfFPe2OOGZXK5VdmVytsqr03AsUFDTVdFT1E0SK+ZjZXojlRquVEVVy3ttA1ETHyQSrCl5pEVyyPVWxIrbuasipry33IByDB3slw+OSO+V91taybdeX+zfZ5ANM5qVumsbZIo56WGhcrFVEc1r1eiKqeVUSy+YC\\iUbYpaKOJqRQxLJKqMbZEysW35qBx+kwp0kNHPWTpPFOrIuTualo1a5HZkd09qoEmMxzLg9S1rO2mmSV6XS6Jq\\9+wDljqqnRO2nhRPK9AOP6RU2D1MtNiEstOlZSzRvZMyZGusjk1LZdaeRQKdHIx3IouPhe9KeZqtZI1y3RH31It94G2gc1K7A03rSPt8LAN8mwDjunOAyaRaNVeHwuiZM9EdG+RuZEci39l9l0A6Ew3R59Rpi3BG8XVoyXJM+K6sVqWzqi+TWlwO\\ayFlPi+HRxy5UVUSKFqO1MamvfayatwG\\vfUBqcLuuO41rv28SW6P4aAbcCOeeOCJ0krsrGpdyruAioK6mxCn46jlbLFmVmZu5UWyp7wLIHF9Kr1ToqdbLTwvY6W6a0cvNuav9lURV84Glq41gp4Z6SBiTNnge9H3XWlQqOXzojlsBsayWKjrsRrUiXj4Kjjlcn1okYxr0Xp1Le3SgHL2uRyIrVui60VN4GQADX43A2bDZ87kYrGrI16pfKqa0W3RuXyKoGl0RRlPFW0S06wPzZ0YqfVyoioi7Fyr2t\\MBa0bhSOorHpa0jY9SblRtgOH4LgrpuFDHMVmk4yqo3OVkSqtrPYiRr02y5k84HI8TxZZMBl5TEizTSpBDHkfEquzJr7dNy60XYoGWnjnMosOc1Gq\\lrEsq2vqVF1b9+oDjOCyyppDHTRTxyxUsC53ZURySOVFRL7O51augDktTiM\\EyOfhtQ1XMbG9Uc1ViRd669aL5AIHVNW1tTLHhVUjlgbDkSRiK1tk7bWuz9AENdUQ1VOjMKrHpHE5jGNc27013cl12fqgFaWpWOKjXsRWf7NNnhY1EVZlVU7lL7tarfZZQOAYHpvWt0oll0mqHOw97ntdE2NuWJybFam62u667gds0lNE9iSxSvqIZUR8b2QXaqLrTXcCy+LttaTo66LdkFtSbk8vlApsp2U2KPlSJWxvREXMxEcjb6nJv7VVt5nJ0AXKlGxxdvLVZUdZqNjVV82raB8RsSrI10tYkjERVY1FRbdKJbWBHFEnLGxrJWKxXbHwqrdm9VSwFLHpX1lUzCsOhZZ6qkr0s1PK2\\Ql0V3TqbtUDf4TQRYbQxUlO1GxRpZLJa6qt1W266quoC4AUDieiqI7Fqh78y1DYlarnJa7Veqtt5NoHLAPLHD99JVX6tB1VLErrkCOo5pfYBFCBdi3AWGgZgAAAAAAAAAAAAAAAAAAAAr1OxoEAGMvNSeivyA9wYB3iw\\1aPqIRXGdIFnnxXEIUpkYkLI52TIt86J3Wr8gLc1PUNfK5yJxKU6tuuvW5UW9\\YB8w6nZxc1E1HP5RG9yX7lrr3S6+f5AbOFZpaWHlNCj5moiMzKm1ES6r9nXe20D7PC6piYlXJlkSWyvp9mVFurXX2IqJZQOO0TZpa2gWkVkT2Pe1qIzM2RWts+R\\kRVRqK1dqgXMc7ILDxFRWu4+dMrYaO8SJfVdXrd21dSJb8lA0DKJ7qZmaZ7qSRstPI6LUsqI3U57rZlRFutkXXa4G7wbAKR1FSUNfxjp6FjeLY9ESyolkkaqJ2yef2oBG6FcElfFQ1M8ivk7fjJV1vXtlvftUWy7E1Klksi2A+VWkEz3Sw8Y1rXKqI6OVEWOybO5XzqBxitwTjaOrXCk5PWTvWVZEcro8yrdcqI27FtfWmryAS0VDpC5I6dtRR8nfflUTonqj0ttauS6O84G1p6GupIWR4fK6liZI5yx5JJWyX2ot2av+3VcC+lVWrNBI+jgV0Suc3JBOqoq6tSqiWS2pQJGVGIKqKyCRFRUsiQSWtvvdPOBPx2JOWyUzmMXWqLTuW\\vX8gPkkdVLFIyemqHtfe6Nhsi6\\K\\8wLFJPi8bMjoHStbdGvkis9U3X7ayr5QIKiGpbVrWObySRGrlytTt3bdmbWmpbpv27UAhqqypnq6V1dSvpYpMkHFvsqpI9VtrRdaagOQYI6+E0aa0VsTWL501L8gNHDDC11pETlKsVIopHKjF7vWqb0sBusFe99NJxsTo5EflcrrXeqIl3LbUgHAMRxbB6rSN\\H0DGSwRy0888Kujliaj1RNSLZUW\\5quwDkyaNYJBTuWaR2Rzdb5ahVs2yata7NQEcGG6KRMY1W0MlnJret7uva\\Re4GwXC9HmO10uGIqdKNuB8koNH1YqMSggVbLnicxrveBjG7CaeZqRrRStf3cjpGKrbJ0WutwPuJJgNdSyQTz0rUVO7iejHsX7TXJrRQNdhFW1+N4bRrUNq5KWCVGTx62yR9qiK63cv1Ilt+1AOYJrQCnWzvcq01Nl497VVVXZG37Sp8k3gddYPoeujVY9MLc+uxrIs3G8akbGpfuXJbtUcureuroA5fLiFPh+G1+OV\\F5oYskrYr3bk+pr3q5fkBrtCNKpseqaltXFydyrmhhXumoiJmRV2LrXUvnA3uENXszjTrpZZo090bQNuBotMXzxaP1U1NCszomrI5jV1q1EW9vL5AOL8FOLpNHPSPVUfNG2sZffsa9POio1fb5QOxU1oBxaocslS973IkLquSJyt1o9uVrcq+9V8itAilp7QOajFc58rUVPsuzIq\\m38wLVDBDNj2Jte1Xo\\Oj2uXVZUYlreWwFvRpz4qNaGoW89E7iFX7TUTtHe1tvaigbkABr8cX\\AOGTNT66tZ73In+IGimknjrqauRt2NnWJyt2PRU2p501edidIGVKq1NNPU5kfSRxo97Y1VqSvS621fVRttXTtAzo6dWVNUtGyHjmttxfcpJHfYrk1ouxUXy+UDS4XQY\\JjdW+fEmMiYq8XT1ESJfYrVREVbIqpZb61TXvA+aY1LsUosGkc11LUUuJZpmKt3RvjYqqjV331Ki9CgXYKCOgmljpo0Y2NrWMb0Imu3tVbqvSoEjuycvK2VDKJjU4vjnMVV17rfkBba\\EY551RKZZUY3jF12a3ydK7dvkApxPxjjI1p4KFypAqxI97kTIt9vl2ATYZX8nWF2Io3LKjYoXI6zUaqre9\\rKuqyXXYBwfTnRGogrcTxCKnijoIIVkhfG1XPke6zUaqX3bl8oHMtHII8JwDD6Krf\\ttHTMSdr3PRWpdddm7UuqpcDcRTLLBmpqeSVipZksc2ZjvL3VwIqhaxaVj1onJUQrxndZmuTY5qb9bb+2wFZlW98sbJIUZTsdmg46W\\HxW3ImxyL067ATKtGky1NO5lO7isjUV6sVyq6+u17J+oDFqp9BEzLLO6slbqY1\\GI1Nl2tW2ZehOnyIoF7BMLjoIUdkRJ392qLe11vlRV3XVVXpVVUDa2AAfHbFA4bow53ZpzHPVHZls3c5uVdnmX5gczA8scP30lVfq0HVUsSuuQI6jml9gEUIF2LcBYaBmAAAAAAAAAAAAAAAAAAAACvU7GgQAYy81J6K\\ID3BgHeLD\\Vo+ohFazHaaVK5s7Ea\\O1Wol7OsllsnSBVie9GWVsr4pGqixtbmRHIutPOiJ71A2NOrqSSmZyd6LK1GqqJdG61si22btYEjadsr5Ya9quakySQq5y7VS9mrvst\\YBBJHWK6rWj4llPE972xxIiumfl1tdfYiuVb79SAU9GqyljnWlVq08zWshijeqLqRLqiKmrNdVVW7QJ8YyxzV1Y5ixNpYNUqpbt3IvbX3o1q\\moGkqHJT0DKGna5vFPiaydyKjE\\goqWX691TWidOsDeYHUU+PYJBPE96LE5WxyolnsVNW\\3KmxbAVMX5RI2aGoilZOxiSvmhnyMe1Ftmam9elF8msDc4BVRyYTTLxz3ZW5c0yIxy2W2tLgXlqYL2WaO\\poAWpg3zR\\GgHxaymaiq6ohRE3rIgEa4hRb6yn1f8A1W\\qB87J0G+tpfxm\\qA7J4f47S\\it\\UAzEqB\\cVtK7zStX\\EDJa+iRE\\2qnS\\wD9Vv6gaPHauOrrqfD42o7jGo7j+NytyqvbNRU13sn5gYYXS2wZsTkVZlRXPl4xz0RznKrVS+3WjfMgGwwSazp4X52uc5ZkY5b5UXump5nX94ENfLrWrRWQyxq+CRXNz9qi3R1t9tXsVQM9FpHOixCNzs\\FVj2I66rfU1f8bAddVDmxaUVr6R6LMsyqqNRJGq5XKi6tt1RLK21ksB2QuGUNbQZXUlIquZa7GoqNd5PaBxvHsSodHmMp5KaDPIkbcz4mo1va69apZXas2xU94EdPjVK3E6Olnp8NqeU5EdIyJuWPc5VW21dWrpW1wOaR4fQtddKOmRU3pE2\\yAwxBjI4GugbE13GMaqo1NSZkugGVDJx01W1zGIkU2Rtm7sqLr94F1GomxETzIBSxKqfTMakEayzyLljZeyX6XLuam8Di+j1JU1eMYtiFTWSJTuekETonKxZXJqVy7rIupqdCqByFWtwxGPVVkZLLaeV69tddTVW2q2xPIB1vwryVk9ZSYZBFxqVMyq+Bi5XSSNROLW\\lavvb5AOWaE6Oro\\ROq8Tlj5dJG1slltHC1Pqoq7d913qBLBjcFLV4nOxkksU0zXRyJZkbkRiJ3b7JtRdlwPn7y1cr8tPTRWXUi\\xHp78qJ+YGOD4zi+I4lV0boII0j1Odxbmug6MyKtnZk1plW2pbgVW6Gphle+uwuV7JVlWZFia1HR3bZ7WtXtVa7aqaluiWA2rMXq3RrBlhZV5bI51+1XYjnM1La9r22XApOjqJMOdEj3S1MCPV9lRiK5VzWe36q3vZ2tPeBaqa5UpoMRmdFS0zla5GNjWaWVbLZtk2Lt2X2AQaMQ1K19RXuje5Kx6yPmlRGo1lu0YxqKt+lV6VA3TeK\\eC0Un8ZKf+NGibs3aKvl7oDaAANPj6K6Oja11kWqark6URHLb3ogGropGuwaXlMjmo+JqMRdiSJfWntt7gJZ\\wD4NSYfTRPY7Klqhjk1PzrZX2Tpcq+8CFWy4fXI+Fjn8l\\hviV1lkiVLMc2+1dSIvlaB9Y5j5kmkcmd0sU0j11I1qOVU99lVPIiAabTl0kEj50YkUU8sT4ZXtzMe5WqxUVPqrZdV+gDa8rjdpFiETXKrmMVrmOTYqIlreSyoBcxCRW0+JarIskTEVE6bJ7QLSIjq7FI41XO2Niaum20CvStTlESq6zm0OtL9IFJUqoKXD+xLKeWrSJckdRqYqZtdnJrRU2+W1gNhU4uqU7Ep42SVWpqpI1WsSX7HpKu7cmsCeggmw+llqcQqFkmVqySoxLNuiXXLvXoTyIBDNmpokxPDmKkUjElnp8vdIqXzoibHpvRNvnsBI3EZeLbJxlM9kjEfG+Nkj0cnsQCrWST08rOLRnGOVJIkYxyNR67Wqq7EemryLbpAlnxaoZh7qyNIpGcWsiNSN99V7tXoXUt08igU9GoJK2unxOskbK5Ua6CyKiZXNuj1auxbKrU\\s7daqBytE1IAAAfH9w7zAcM0fjtjFHIts8jHvclu5XKmpPJvA5oB5Y4fvpKq\\VoOqpYldcgR1HNL7AIoQLsW4Cw0DMAAAAAAAAAAAAAAAAAAAAFep2NAgAxl5qT0V+QHuDR\\vFh\\q0fUQiquLxTRNnquNajYntljV31bJZye1FAgw1KiOZrEVyRqiva5qXbLmtZy79X+IGwyVkbFe6ZkrkVz+LbGiZky6mIt9WvXcCnVudLJSriOena6VI4mRPvxjnx60dq1WXNr8lwJHUj1iRaypcjlujWwv4tt1blsi7Vvt17wKtMxklZU0WIxxq6drZW27ZqORLK2668ydqt9usChSRccsdK6hmmrKaoayeZ2uNLLe9nO3tVFsibwOUVEDaiGSJ6dq9FbfeidKAcboIn09U\\i3sgqXvRHNVO1dJ0O6Uda\\Sl0VALmLTUlXh0y1lEkssHayQSd0xHalVF3pbXffYCDBsEo6ime7EqKkmevascrEV2S1rO1dKKBsm6OYMjURMKovwWgTNwbDWrduHUaaraoW7PcBkmEYdZU5BSWXanEt\\QDFcFwtb3w2i17f4Df0AJg+Got0w6iRfuG\\oBkuE4eqd76T8Fv6AOxGHf8vo\\wW\\oB8dhOHWRex9Jq2fwW6vyA0UjHPlq43w00D4MyQsa1uprnal86tRfeBvFqYKVqpd2tqLlbrRt7IiJbZf9QNfLNyCtbVVEeWhddiyOXM6N6oln3T6rti+VE6QKGIVEsrm1nIp1w6RyPc5URXNyoqK5WX1I5t2rfZqWwG30XiZDhmWLjMnGOtxi3VUvZF9yIB15iVFiNNj+IoqU7XzVDlRrIbNcjtTHKqdtm6LLa6LfoAzo6\\E9HY3zR2rp6l1nzMcr4XO1rZG3RXO163pq1W8oFTH8WlxhkK1EMPHSssiQKrXKlls263XbmXYi6vMBtdFJ8PpKVk+JPoaelYiQQx2VZJXsRFzey2xN62XWBt5dO6fj8sNJK\\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\\YBu1ikqElVk0C8YlnqxbKttmuwFZKGpZUrK2ebOkSwdtElrdOzWBA2nqoHUj4pXXp2uZZ8PdIu9V3AZJIsFTSVNc7KjpH62NVUdqVUVPkiJtAtaTytWholc1eKfUMz51yq1qot9W9d2XpUDY4VA+KncsqWllcsjm\\Yvsb7EREA1da2twapvhdMyop6p7lWBZMiMlte7V3I7XdOnXvUCqmLYvVQyRPwJJEXUrUqW623tfb5F9wGtn5WrnRSNcyolVsc8CSIqMc6+R\\kR9ta9LfLrDf6JxrFSOarlfljibmVVVXWZt1gcgAAAMZO4d5lA4tgrokxWliatpmxormpvRWXv7wOVgeWOH76Sqv1aDqqWJXXIEdRzS+wCKEC7FuAsNAzAAAAAAAAAAAAAAAAAAAABXqdjQIAMZeak9FfkB7gwDvFh\\q0fUQiq+Kyz8riiSkZJBJ2i5lusl0VcqJutZFuoE1Yjko6pkrP4OT+GyBbSKiJrRPLfYBG50cdZxzJZHzSXjbCq6kdlRbL0bPzAYtWU0EDoZ5nRTSRuVqRpmkSzdatTydIEj4Y454J1jmqJHPRrV28UitRFdZdiakv5VA09Wx8FA6RKaSFaSodOsz3JdyNcl3atqOark8yAYYniOGw4vIyWd8T52IkzI3ZZGo3W2VLa8uu1\\MBYpMfhakiOqY6yFqpaWNMr2oqaszVt7029AFXEqimmr1kYxz6mTK2ne5qt4ld6q3ai3RNdtd9tgNy9kOJ08dRSzcXOzUyaOyqxd7VTenSigaajkraXE6xY6GOWqc7IjEq2sa9vdZkRUvv37LgbVtdjCtRVwiFL31csTV\\5QPqVmMrswqnb56v9GgZLVYxlVUw6lzbkWq\\\\pAx5Vjdu9tF\\e1\\0AZOqsYy6sOpVd61q6oEaVeOL\\8AmyiTz1i\\6AC1GPOclqHDmN3q6qcvyYBhUz4wkUiTxYbFE6zM6VD7pfV9jbrA4tgK4a\\EW4FPDI2vY2S1U+yPVE2JG7aupb3tZAOZUr3RMjRIHSKqOY+TKjLo1bJqVdadC+3eBE1rEtHFA1lCyNWK597IqOsrbb03oBWZAlHXcUx7eQVEUi1ET0sjFamt6dCLfWntA+aBVsFbo7HyVXrHC90F3f2dn5WAr6eYclRhj62Fj3z0rXZmxus58a9032anezygcNrsIhraWGvwyukqlkZEiR070RXXdrsm\\eq7rAaqqmkr8Wgo2JJDRTNtxTXWs5NTHWairfcmuy316gMJ6FaipfTV0dLTYm1Fe+aRUa+KNbKqvYl01r2y28uvXqDOkSHFdIo5aGnWrZI5adV5Q5F7VEsqu2Iq611X2WQDsplL2Ejw+CFc\\ExVEiJazb5UWyJuS67AN7hdQtVh9LUOteWJsi26VRFAlq5mU9PJNJfJG1XOsl1sgHB6fEErNIHT4w5YURqSUUEaKjsttqqiW1bda7V2agL9JjtSrkbR5cQgRrXue92WRrHJ3dkTtkRdS2sqbdYE9Q+tihq6vCJY+PezjXQujV8bnbLpZcyLbb5tgGK4nUPoZY6yeh4+S6RJG9W5lsq2W6Xb0rq2AaxG0VNWYdE6KBKeJj2RZm3YxyakXVtVVuiXXXrUDcSxuqEWeoVzWx642tcqoxV6MupV+V1AxenJ23cx6sa3LrS19u2+\\wDW4GMENRmje5rnxI1Gsa1uZ9l1q5111XRPlbWBDUYfHUzsq1WZtY1FRJWKrHNVdaNumtU32W6IBBWV1dSVdOtRyWrkgVeIbLKkWdXJqcqpdLtRFTZvAoVEdRBDEqspbtVMmdqwoxb3tE\\u3Juyq1brddgF51fXS1TUr4ZKVaqNrY2rHlWNyPbdiLdb3RdqWAvVGF0iaP1sdHAyNa2SzsmpF7bVZNyWTYgEOi1Y5k70lY90lRUcSq7LKxi9tbyo1AOXgaXTCs7H6OVlVlVeKRq6mNd9ZEvZ2q2vauzaBxnA52U7KWnp30dQt5ahz6RuWFtmOs1qXXWu3cltaIBvJaqmj0coYaptQ9lVCjLo3Mre1uqr5EAjmxtJ4OTrCjauO\\GJKzUiNVUzNvqXNbUuxEuq7NYa6GmpairkrsYpJEhka1zFSnVrWZVVEbsv5b6gL8NTRyMc6kgo3pC1VkRzs6pr2ou\\UB8qZKWWpkvRwRSZkf8A7Q90bHKmxyttZfP7wJOXtfSq+Kkay6K5qNYjVkt9npvtQDJtdO2FXzQseupzGPYivVFTpRd3mA+VMkTYmzSskpIo1\\iyoxWI7z70bfeAp2VzEbUUyyt4xuZsSor473367pdN4E9R2RqWqyVFZG9LZEysbfoVVVVX2JrAoUSVdKssqrGk8V1dFIqthducjV+ot7a9ioqewLGN1DKhcNRyK10ciTyqxzXrTplVEcu1F7ZUT3ruA20c0tIxErZYpFc5rI3MblV7l8l\\bq3XArYlUcokh5OjJo6WZJJ1a66tREXUnSt19yAU46iPDHTuVEd2qtjRdWZc7rJ\\j5gK7qKKjhbPWK6WsqnLxjdivYutdW61kVOiyIgFnRWm7GrW0ktRJPM+VahskjrrJG61nJ8lTcvnQDkibAAADGXVE9fIoHF8Gja3EKGdztsHFWX6qoiIntXX7gOVAeWOH76Sqv1aDqqWJXXIEdRzS+wCKEC7FuAsNAzAAAAAAAAAAAAAAAAAAAABXqdjQIAMZeak9FfkB7g0f7xYf6tH1EIr7NLPHWPzNV8LmojGsbsdf6y+X\\ACGofFLVROjZC+ugVWokjlTKioivt5bWAnclLTSJLLxUUsiLdyra+q66\\Z+QGq0oxzCtGYGYtiTHK6RUp2yQx53qmt1vNtUC29ayqyTUtVHHSPySMVI873MVLr5r\\ICotS+FstXib4nSxRPcyKK\\F5HKiIiqupVVW6l8oGqgwWgocGjqa5j6erevaysevGNza0S67k6F1IgEVLSzx4dJPW07UbEiNllhjcjpUutli+yllS\\tsBtXYbPFhr5eUNbaK3Fq3Oj0taznXuvvAtQYa+mpaeWhkYtWyJrHKq\\wAOdETY7\\B21PKBqsNjpqWtpssNQ6ZkmVY3KiOgVyqlnIm1qIqWXYBy9HNRNapq8oHxZYmrZZGIvpIBitRAlrzRJ\\3IB8WspU21EKf96AfFrKW1+UQW9NAPnLqS9uVQX+8T9QMuVU17cfDf00A1OkNW1KeKKKNKhZHKjXI\\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\\xtdrW+rrVFXb0AbGmhgxKlm5XFHUROnfZsjUclkWyal8wEbcBpolXkjpaZju6iYqLG7zscioBQq9HZs6yUq4cr73RJaVWontY5AIEwTFUjVuXDcq\\VSWdG+66gEwLEXKnGMoLIt9U863\\ADAtR4DPmV0ktK1d1onvt8TwJqfR5kSuV1VKjnbVgjZCq+dUS\\5gX6DC6OhXNTwIki7ZHKr3r53LrApaURRIzD6uVivSkqmyIidKorfm5NQEOKtkpsDpGMcrJo1a7N0K1LqBQpVSPSOJiKqK\\EJ1sv3K\\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\\K2y78rbXRfKBUZBFSV8c2JzJKtJC9qW2vdxqq1PPa3uuuwDZYFSyVE0mKVvbTTc01djGbkTyfzXeBqKRKpEgctTI6ematRSxZERJY9aOZm2rbo1fV2gcxpZ46inimhdmjkajmr0ooEoACGtk4qjnkVLoyNzreZANFg9KrnoxXovFPjmTV0tXV+YHIwPLHD99JVX6tB1VLErrkCOo5pfYBFCBdi3AWGgZgAAAAAAAAAAAAAAAAAAAAr1OxoEAGMvNSeivyA9wYB3iw\\1aPqIRU0rY451mVHZkS2pdt7bgKDZnLiMT3U7FcqIxLKmeFFRVcrvJdGoBUx7i8Kw6txB3FyUcUTpXQvS+tbq5UVb63XRLbAOE6H4NSaY4X+8Gl1S6d007o4qfjVjghai2axG323A5o2jpMDmgpqJclJO7KtIrlcka7nsRdaJfUqbAI6tW1slOlRI9KWna2qqOMZZFyquXUmxXbbdCIBAk8+K4gyWRqxOcxeRRK2\\Fo66ca\\y6tSbgNw+FlPVU8d5pHvbMuZXalVbXv8A4AU5qhG6LUz5HZGrlRyol0TWt\\PsAxop5YJVmgjm4iTKx0T3IvGvVNasRO5cllui2RfOBFjFRHW1VI6kginlcxyROetkci7WuTUqWtv3gbVuA4XIxFfQU6q5EVdV0VQMf3ZwVHq\\sXRq5dqrGigZN0dwdEsmF0XTzLQJFwHCf+WUX4Df0AyTBsNRqN7H0eVNicS39APi4JhardcNor9PEt\\QD52Dwr\\ltF+C39ANXU07mY5R01PTxxU6Lx9omtaq5bbfJd2vzAW4KljnLFDKrpEfxL6hURiXRXdq1Nl06ANfXuYlKsVC\\JJIvGunlYiorkWyq7yL\\wC9gHGIMTx5aZ61tLyZirms2DOrk22vfWnm6bAXsCqp5qt9m19A6RquckzGqt1vqaiLqtbNq8ygcu0ccrqKS8rJVbKrVc1bqtkTuv7QFDEJVwrGquqfEktPNAyZGN7rjGLlcqbu4ci+wDrvTijnxDSKvihqJYuRyZkRHoqOa9Ec5OLTWqdKrqtfzAbXQ6ip6PG34nVVMdFBC1P4ckqK175G3RWqq6mq21ralt5AO0WSNejVY5HNcl0cmxU6QMwAAD4u4DjOiTGtq8Sexyqjlb7O2kAr6ScXO+vYxzUmVEiztaiubqSyX6LrewF7GZFihwauuiNimYki7EyPbZfzsvsAv6OMczBKPP3T40kXzu7b\\EDZAfFWwBV1gfQAAABrtIYHVGC1kcaKsnFK5lvtJrT80QCjiLkxChpnsVUSane9HJuu1P1A0rFlk0voZJXMRGVlW2yJbUsaNb7dSgVNJ2z02krW3asdQ9JY0vmXWzIqW3a\\PtA3mM0sFRoIkFXEr6fiIuMjsqq5qK1VTVv1AcMxXBa2LCaKkwVtLFHHxnGrI5X8UrdaZHbVR29F2LcDleExSs0Vwx9aqccsMkjkzam5o11InRZQJ6qnp1q6ZJmNex8zYlYqXarFiRip77AZO0cWBzkgWOWBVvkmVczV9Lf51S\\lUDB0NZTa7V0KJr\\hu41E9nbfICq+sifIi8qpFmvdFkZxb7+XW35AW46lUie1Ox+vWrWTWTybwMJ6iokRtpIGJfM9zZ7pstr7YDBa1y9qlXSoianNjia5XKnTbMAdDU4gqXgxCZqp\\wAZ3FRr50dr\\wDKBawKidDjlQsj43Php2xq2NtmtzKq2uuty2RNvTsQD5hT82IKjXI5OWzqvk7VUt7wNjjmZ9NHDG9GOllairbY1FzOX3IBq42ulWqrGU6LPJG2dI1WyuyrfLfyoq+8D7C11W+OaGRzJLKrHsamdiKu1UXUqbnN3Kl02gQ1FAmJaWvbIjeKp2K56a7uvls3o167rttq3qBytqZbXt0agNBR0aVVA1IXtZUU7kWGRFvxb0vqXyLsVOhQJcAnRsslNlyNcrpGMVebW\\8AEj9jlunkcgG9uAAq4rbsZV32cS\\qqBR0ajRuHU8qdqskLEe1ya0eiWW6+zYBuAPLHD99JVX6tB1VLErrkCOo5pfYBFCBdi3AWGgZgAAAAAAAAAAAAAAAAAAAAr1OxoEAGMvNSeivyA9wYB3iw\\1aPqIRWWIw068VVVGdOTO4xFZe\\RZUTamvYBrJqaN9XKjqeqqJOUR5pLIxEY5b2v8AWa3em0ClppC3GMPqtGqWSKGpqKXOxz3KiJZUytsnTb3dIGrwjDoKTRqqpMQSobOxyVMscCJJd7bI50O9bq3XvRb7ANlPXw1ldA9sdWkkd50ka1VbGiM1tk6L2ujXecAmHuwuKtqZa6aoosQkjkmSRFV7FVLKrfIqWRU3ImoC5BUTw11WyBEkRqxMdI5LIqqiWt5kuvuA02l2PTwyQtwyhnxCqnfamgYq5HOal1c+31URdm9dQHXseEcINFJU4m1a2J8rVllXjWuWyXdbIt7W3JtA5Zwc6Vx4vhC09deDEKSRq8ZE3Lx6KuZEVV2K5bovT7QOTVcT3wvfByds8jkfKkUmZsjkddUW\\cuyoiI7zpsAyw7G30sEdHFQSPSBiNVzqqBFRE1a0RwF1uM4g5udMFlyWV11qI9nvAz7K197JhL1stl\\2iPV\\wC7gfX4tVMVivw5WNetkV9QxNe7UB87MzKtm0bVcqoiIlQzXfZ80Axbi9asr2LhTrscjVRKhqrrtu9qATOxSdEReRIrVRXX5QzYmpfcBQoGo+WorXI1HyLaFcySWsq3XV5dVvIBlLUYg9srWRRou2NrmbVXcvk1d0nTrA4DpHX43SqzLV0kVO5FtLrV+ay5kbuVqKqJ7NYHGWV1TWuhSZZXQsajIHSTLHqTulRNe2\\6KBsqbDI8WaraSGWbOqNetC96sYjUXunusionk\\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\\EEauSNyxPc3UqX2XXouBsNJahtNoTNPOxXRtgYsiRojrNu26oi6lsmv2AV6WCKmq5nve1sclRFK162yPR6W1ImpFVdvTqApvqUh0basySOl4+aFjkRER6q9WovkSy7PIBYxFJYqnE3qjk4iNJ40VNqNe1VX\\AMoHLY3tkY17Fux6I5F6UUDK3lAxkiZIlpGtenQ5LgV1w2iVFTklNZdv8Juv8gM2UVMxLMp4Wp0JGiATNajUs2yJ0IlgCtA1eBscq1tS9FvUVLlaq\\ZbZqdUDT4Nl7MRMjYrP4tVK9ETtXKr1S9962sBssWqUbVTsVsuZtM5GKjbIiuvrRy6r6tgEdGrKZYJnOTk91gV7tyZG2v51QCtByZmIJxssaJA7Mme6K9v1Hs6VS+VU36vIBcwuOaTHautdEscM0TWta5e21LtVN103eQDdql9qAYxRRx5uLY1mZ2Z2VqJdelfKBx\\SGGanqIqyjREk4xu3UnGWsl13I5O0VelWruA3dBVMrKaOeJFRj0vZUsqLvRehUW6L5gLIGvxyTi8HrXObdEiclum+oChgUHEUFLHM1zUzpkcqqrnLrVb+24G\\A8scP30lVfq0HVUsSuuQI6jml9gEUIF2LcBYaBmAAAAAAAAAAAAAAAAAAAACvU7GgQAYy81J6K\\ID3BgHeLD\\Vo+ohFZPlnZW8W5uaGRFVr2pzaIid103XYBVfBNA588s76mRy5Yo1TK26qips36l1+UChBQrNiFdEkjrsbGnHORFc+Rqdq9fKgFWhq6TFaSeKzFR1Vl41i81I5vdNXb3SLbzgZQ4HFRV0COrKypnyOjYsr9StciornIndLe2tdeoCPGKSon0YmkbiFRxio1jcrkjbGiLbYnRbeoFvCKp1TQpEykdKynktGq3ai2VUS6Lr2WXXtRUAsUGIo7FZWPiZHTyMTiZc6dtkXK5uXdZy+YC9SzzyYhVxuY1KePKkbka66r9a6rq27kA4nS6N0OHaRSuomRpHVVC8cix7tT8t9lkVPzAv4lg9PpHgVVA6mjiqHo1ySRpkuvdJr81kW\\SBpsO0DoOTxzwTOjVGZeMYllfr2PTpRfIBXTAJ6KV76hlUxrJGq+aKpciPXfdEW6N17f\\uBs6OarY9Vpa\\jkbdXNnZdyt1oi3TWqeWy7ANnDiE7aVjnosjkR2aVipZFTU5Ebrv02QCeilijY6OFKdUZxjXvc7tlcvbNTNbVtXzARspZY1ijggqZmxNVVmWS2ZVVjksv1kvtXyKBMj46imia9Y5kiaiy8Xqjct7K1fOutE6UAkVWpJmqIlzsc5zXJHZGpa7UVL7Uvbz3A1L62SKqR9fXrAqKrUhc5HJKm1LJtTova+7ZrA4pjuGR18tTUQwLWPkj\\hve\\i0aq7GK5y9KbNWoDZ4boZhVVK\\Fa6mkq4UVVihSVXsaibk3uTb5NWq4HLaekZD\\AA4m5I25smtrUj1pZGMTVbb5d28DYYWxrKW0bJGMVyuRJFu7Wt182tdgGg5E2Wjx\\AXJn1Omp2q6y5ZLubbzPRdfmA45jlR2f0XZmYk3JJY+3Yjo5GyXyuYqbUdbMjk8y67gQUdfNhrXNnilmqVeszElgjfxerKj2ollVVSyKm1LJ0gbqGuq65KmojaylqVhSOpzx3a+NUdkkVL9qqLdFS+xfIBv8FxPDG4fSQR1NNCqRNRIlXi9dkvZFtvAqU9BT1+kNRVRMifRQvbLdGJ29UiWzIu\\K23t8wG\\xCkjraGemkRuWVisuqXtfYvsXWBxnC6SCHAYMSokZBXQRK2SV7lckmRbPa9VuqoqovmXWBU0dbikVLPPVukoZX1EUSQqrH2aq3S6229uBnhtfGtTQpiF34nNI3jGthVEV6Od2ybsqJdb32awOSaPpfBaXOidsy9vIqqBHorIr8Eha5buic+Ff+16t+SIBt1A+a7gNYH0AAAAfFA4\\ijWo3FoHtRzXMjqcrkui7lS2\\ufzAzpUkTSyoVf93Wma2PVs13VALOk2Fx4vglTRuR2Z7c0aserFR6a2602a7ARLTpU6LQwYpmbmp40m1Kqotkv5b3Aq0dM1rYf4jGwIndSXanGZmrZGusu7V0X1AY49ROpcGakCwvZBUcoSGZNT261VqeVNqeYDGKjqMQvXR1iuqUV9O6J7csbo762Kia0VdTs21PMBsNFZHOwWmimvx1Penfdb62Ll\\wQDcAAAAABWxGpSkoZ51Xm2Kqefd+YHEuRMipVzcrfPTRte6091s7bbz6\\MB9iw6jZUyujgq+No7tTi6lbrnRHLZL79oG1ho3Q4hTSKkyN4z69Qsje5VNSbgNhPJUqsiK2CGFuvjnvvZvSrbfNQNDg1S3iKaeRa+ra5XPjlcxqJdVVVS62VU2eTUBlWsbiOKcZBPX0snEq13FTI1qqi7HN169epQJY4nRRMV9ZXPauxVlWy+24HyVlQ2Z758Qroae\\aNWPKvmVVXWBGrVmWSN1bPUMkbldHIiuSy7bIm1ehekDFz5qenVzX1MN5eLlciLdsi2Rsjmpudqv0Lr6QJ2yVN0SonrFsqXRkEiKrd9vL5QMcUkhyse5te6FO2c1zZM6qmzVsVE2qm\\UBnhFVh0+IRcXxrpnXc3jKaVi33r22pNq+8DkwHljh++kqr9Wg6qliV1yBHUc0vsAihAuxbgLDQMwAAAAAAAAAAAAAAAAAAAAV6nY0CADGXmpPRX5Ae4MA7xYf6tH1EIqWtkka1rIVYj3ra7l2JbaBBI+qghVIo1qVY1VVXORHPW\\cpu2bPMBSwFzWTYs9U\\hxzqxvkajUVU9i3A0eDwv7GsZIjo31dOs0aO1dux+dET2KnuUDZTT1T62hrJJYHUz5e1a1bKxrmqrVXVtvZNu8CjO9KXRGiZf+LV1TWtRVRMznPXVr8wGxlkZLK2olVLpaORzXKyy3u13mW1vPqAiq2Z6ennpZXR5taNbbtXXVE1LsR11RfLYDOldPEylw2mn4rOxZWVTlR6y67qmX6vl\\IDPEY24dyVUd\\DZG+6r9Zy7\\wA1UDbYXGsdFGjkRHvTO5Oi\\wD7sBrqR+arks90cVUrpGMYuvMiqiqi\\wBpER3sUC\\DOlXqyoiI5fra1bdURfbYCtHT06yOdCrJGIt9yWcm267U86Aa5aGlfA6ehhjm\\iKqRqitRXX7pPsrddoEjWvkVXSI5FVLIt7MS+qypvS+1VsBZpIIoWQudJUrllytjYlmo5EcuxNia129CAfHVkWF00r6iW6KjHNRsH8S1vrInt8wGoWtfJD\\ALI2WSO2Z0qplW2uyvduRL2S20Dh1Vh2L12ksHYqOF7I4lc+pkXtWtdqTbq27ES67QN7DoxJJIjMSxCWsfdrlZHGqRL0tRV2L0ecDktBPTYSjIIVbDT3Vzmuesio611TNsT5eQCR1TBS1EfFtjRZMyKmq23Mt1277+S4G2oJlmje5yNRyPVFygceqnzUePYVW8Zymmm42hqJbWViq7NHdOhFRW+1ANZpnhyzUM+LYZVudIj4ZJo4Mv8AGizIrdX202o\\bbUt0A1VDh1ZXUrahsDGP43kzUcuVyuv3SpbbbUq32LdNgG+pY6eh0dmbFFynEKxrouTtamZXa0WO2pEa3XdV1Je4G7pamhrom0lTAxk8bURaaqYmZERNqIupU1bU1AaXBcSdBXyUuCU0VVhMr3up3cc2NrFatpGsS2tt1unnXcBua7GJ6GB0tThNWrG21wOZJrVbdKAaN0Fe2sno6umkfFPJyumgglRjWa0V3GSf2Xa7Ilte+wFzDXVEmA4fNXuatVU1rJZOL7nu9SJ0pZqAUYJ3tonS5EZJHDM9Mvc6mI1PzcgHL6CFaehpoV7qONrV86IBTwBiRsr2psStlVPJdb\\AOIG2A+K5EAX8i+4Aq60A+otwAAABpcXbbFaTVqqYpaZV3XVMzfkoGr7JsgqsHqnLljqWMY6+5VRW\\MDlqawNdpC2Z+EVDaZHLKqIiZZEjXal7OXUi+UDiLVZh1ReRsiO1TSOjlWpVzdiLnfrvf7CXXYiAbdq1+LTvWdGRYcrVRUVXRPai6rrfXmtu1Zd+tQI8Hq3UWJ8mncrmyOSnkeq\\8AFa3tH\\8A+Rlva0DYYY9lLpFiVFmanHo2tjanl7R\\5tRfaBvQAAAAA0OkiPq5KLDIZFjfUy8Y56NurGR9sq9HdZU19IFjsbVcS6LlcSRublVEp0S6e8DCDC54OOyVEKrKqK\\NDe6+8DWYhS4lRzUtQ7FmPa2druTMpkR0yXW7EW6rfX+QF6SGSsna7E4JlhR12UrGZmJ0K9frL5NieXaBJilW9YP4UVXHlVHOtCq5m70QCtQKyvrZH01Rx9K2JLo27WK9bK3Xe97bfIoGtfiuIR0EdRxuHyTNckb4F1I117LHlS7s6edenYBsameobi0tHGtO2FGNlbxj0V7r3utnfVSyJqA+sqEbTUctZBK2pmRVy0t+LRGr3S9CKlveBVxWWGvejpJKmlgdaGrY1LK5rtbHI7ciKu1Ny+QC3SrC2mSaqrK2ORsiwOzSZla9N10bsXaBarquLC2sfLUzSSOvkic5O3\\LYnSBrcBbV4niMOKSTtfEzjGKiOVGrdLWYnQiptXaByoDyxw\\fSVV+rQdVSxK65AjqOaX2ARQgXYtwFhoGYAAAAAAAAAAAAAAAAAAAAK9TsaBABjLzUnor8gPcGj\\AHiw\\wBWj6iEVXxByxVUqpnTPHdX5ks1E8+xAK6TLl4xrliRbOV+bVZNbrXTWnzA19a5afBMQcj0Y7FZuLgjy2VFfq1rvVUut9wGsx3FI6GahocIppqyuhYmvOlokRUbd67l1bE2ousDBFxClxGlfUsRKeSROMa+o4xYvIkaaktu6PYBuayCPEayjSWbPFCsmWHJqSRUsiruumu3lUCHCppMSq56h0MqUszkjZxrEYjlTu8qdGZEVFXei22gfcJq4ZK3EaatiSSBJVp0qLKkaoutG3XaquVyXTUioibQIqtsUNPVZKt6xUczrTyOzLDayuRyprVuvWqa2rZdYFqpqG1rqKLEGJdi8dG9krVbO3UqWVNSOVURN2\\zAbaRZqbD5pJFRa2dUb2u5ztTUTyJf5gccxCgmoNKaR9NUWglpUgkzu1ulauaN3nvdvmVQOU09RFVxtSOPVJH2+7LdNi+8CvE1MNpc1TFCiIqInF71cllTXtu7V7QJoeIlzo965lW6xvXLk2areS6e0DF7YlrHvmRURnbWVNVulfdcDU1WJy00kq4arJGOVXPc7WjbJruvTZb23agOF1lZW4hMklPVuioZtSzzNvJMl9aRNsqtRV+svdLqRAN1hFPXV0Svkp5aGhgd2qzrzjd7st1uqrszbNvkA5Bx0dFxVLler5FVzWMjV1tV8y\\km7aBUV0Lnsc572yORHKxyo621EaqJ7bfMCrNiuVy08bJEbk49rpGLkjai2VVtrW23z6tYH3E6mkklpJop2rI1+aNWtVWPRURqrq1XRVS\\QirqA5Jo9E+LDkSViskc9XObdVRF6EVdwGgxaqZLVzzwuR9EsTai+xUlglRH6vR1L5gPtE2moG4lh1XOstLHAiRzNRHOSFXKiNdbexVt5lRQIZJMfjoqaaeWNZ6R6slzxIjL3RqOSy7FauZPOBBTVGIYZWVj1qqGVXqrnVEkKpLIqLZEet7Jq2W1WQCrimNTYrHPQMbh9VVRIiqkzeKjZfW1Ueq2de2xNtl3Aa2bSCsSrpKuWjw6jr6WLjMroJGOe1yZcrbd2xb3u2+xNSAbPFtJsXlwXI+kpHzyIjJWxJIrYlVe1fn2KzVe6a06AM6vHcar6daiGioon0+ZzXuc5ypqtZUT7V1S21NSgcoq4uT0uDw3skUjb69uWNy\\4AaaHt42RJq42Rkdt1nPS\\5MUDmfSBr8ITLNiSf\\pTl97WqBaxCrioqKapqFVIomq51kuvmTygcKfV6S47xckb2YJRvVHMZZsksjddsy\\VuttmuygRYrg9TXWklxivYiIrUZTzKmZbbejbq17gKcsOM4VDG7BcSqJFjYjnxzXkatk1pZf8PIBzDRfHnYqk8FXT8mxCny8bEl1SypdFS4G\\TYAAAafSl\\E4ZyqyqtLNHPZOhHIi\\kqgaTEaNk0M1KiJnpahysb\\AGX9u23nW6Acjwasjq6d2WRHyRLkksuxbIqe9FRfaBaqo+Op3ss1bp9duZL+VANBVUMVPXQupqFZJ4k4586xorc1rJberttmpZEvuAwpsJr6+ofVYrUNRMypFTZGvY1t9qpszLvW6gVcXkpIsdqYaxyrBNFHA2mjRUddLua9vlRbpe6WsgGC1sH72Q1VOyd7EayKZyxq3i1fdtn36bMXUBzRFA+gAAC4Glw1vK8crq5VVY4rUcXR2q3eqedyon\\aBugNPpTi\\YPCZazI17kc2NqOWyZnLZFXyAcYgx+jYx1Wq1tTUvXI+dIrrboai2RjfN7bgX56mnk1SzVLN2V0iJ57pmA+Jj9HTQOetdKrrIuVrWPc5L2TVdQJWYxE9rW0dVI29ls2GLfvVL+QD5BVRJU8YtSi1Gt+daaJHWXat0UDGoxfD+Oy1ldTyPjZmzuhYqMbfWmZF1LsA1n734DVSxQw4\\UxyI\\tH8UvdbLKqpa3kUDY02kOE8XVQS1E1dxy2ke2BbORUtt2KlugClBitTRYfPNT8Y6ZtoZHTs4u6pzcrkd9Vze1VU1qrdQE1JSyxRrPjD1q8TqY17VG5dy21fUZ0N2rtW67Av6J4l\\8PhY93Hzy1L2u4pEtHvsu7Va1toHKQPLHD99JVX6tB1VLErrkCOo5pfYBFCBdi3AWGgZgAAAAAAAAAAAAAAAAAAAAr1OxoEAGMvNSeivyA9wYB3iw\\wBWj6iEVVxSPJVpK5Y0a5WonGXyq7dqTb5t20DVVdS1UZWVUiJhsTkc7JrWpl2Mjam\\y9K+RAIFpq+srVmqFY3EpYpI4Ea5FZQoqbET6zl1I5\\sTUBx7BcAbo+yKkxLH5Kiqke50tLAtu2VEurdWZVVLXcq2A5HURVHG0rkqeJzyLKsL2oj3MamxHN2Im26puAruqonyOp4VV6o5q5aePKx23Y5dVt27y6wLyzzPY6ShnhimhzRyPemduxFTIiLZVRbJr2ARuWJIZKx7XuknqUhjiYiKsiItlaq\\Z\\JFS6AXqSnqGXlnbFZzO3VLKquVVvdN1tWzbfXsAqpSYZUsfOjpEjej4KVkS2u1HXXK3YvbbFXYBNgjqqonp3YhJdI0\\hQ3Ryscje6c76y2VbdAEuOsfJLLxbVVWMjcxU1rnaqu+QH3AXytdWU0CWZHM56OfZe6cq+fVrT3AbKrWZrncUiTPct42ObqZZNesD6sc0yN45I2tWJLtVM1n+XyJqArVtPK+OKJ7nS5muzrbKjlRN\\nA45UNhr6rsY+vWPEIom1c8KR5Gshctksqaltr377qB8pqJ3Kqms4vi5FVsEDUXMkTE1Kq7Nqak6NesDc1Ml8PihhjbdcyImVVRqJfUvl27QKdRHTwVEMksk+VWKzi2PcqqjUtbV0a7uXUBx5kkTIH1NFHLFA52SDlDkW6NcmtqLZV8jb6\\yAywvlTmVaSsWN7nRwL9bM1Lr\\DVLXWyakXZ5bAWY7twmWWnpoWrKrv8AZkVG2aupFv8AaVLqq+8DmWAPbJhzHJI6RVW6q7al0TV7rAcIxTEoIoKzi35k7Kxduyy5ONcscjXJuTU6\\nQCXGK+Olmro6WCR38GZj3t251sxEVNqdtGiovQoE2PVFRxdU+lkbySpjjgmkzL2krVyqlrfWRURF2X2qBw2NmKT1Ctr2umY1GxtkXKrI25VVt13OVM3kuiIBzOhpZYocLdFBDVYw+JJ3NnRUjjbsbK9Vut0amVE6VXygQzLSLRPTFaGsqW5+UuVJOMSkRVuk0Ul8ypfezYmtUQCKnxWqgwpGvaklNDntXNZxskCKi9u5iIiSNW\\ONTfraBDgWHRyNpZ5WWnrJYoHysmzMfl7ZVRdTXI5E1Kmu6qgHM9IpOKbDIqdw2WS2r7Cp\\mA47hKzy4xhMVQ5t+Mc9yIlsysjcqKibku8Dna2tqA1WCTpPVYvlsiR1ix3RdqoxlwKPCG6RmhuIvgbmka1rkS9vrJ\\9wOrqfSXFYqpro6qZnHPdlbZkjFRqd02\\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\\QBu5MGp3pqfUMXpY+yr+QH1cHhWPLx1Snlzpf5AYpgdK2FY25rOdmVVaxVX\\ygYOwGmVO6VP\\APFF\\pA1+OYSykwyWanVjpo7cWkkMVkVVT+zqA08kzI+ScqrH1FTO\\iU4qJrW8WqoudLJsY6yoq9HlAsUTuyCpSojo6upa5ZpahcyPai2sxWrrzWVdqLYCTR2CKLFlRZad06SKrn07FakybE8na7FVNaqnkUDmoHljh++kqr9Wg6qliV1yBHUc0vsAihAuxbgLDQMwAAAAAAAAAAAAAAAAAAAAV6nY0CADGXmpPRX5Ae4MA7xYf6tH1EIrSaVzsjqokkyyI1M6Rb5HXs1vRa\\bLvsnQBQ42SqfQOfJGtRE1ZbK1VfDfV2qqlrql9yLa9rAUamkZUzQzQVL+OR3ERyq9VVkeZHOsu1VXUntA2NdT1csjYIGNY2W7W5m3Vu9UVdqJa10vdb+QDGkwdVbLBiNS6rlms16omazN2Zfs9CbEXp1qBk+lZJJBxcbWOa27budmteyrr1XS913JqTYBJUNmYxWUskFQr4Vaxia3yS37pUTVbMiKrl6AIKeFlPDE6WoTiKKPiUeqWa2yfxJnKu27r+zzgX8MlXEc80HELh9nMfK2VJFeibURNyW8wHF8cx+nopbMtArWtc3It0Yy10bdNi2tsT\\EDkGCYoySnWeVr3TQWc5iKnaoqLv33RbgX4o6mpqp5ImcW+VySfxdrLMyoioi31rf2KBJQufS1FfUzNhtZkbGwqqq9Wqubbr2r+QG2kqWQqiS9qrpEjajdd77FXoA+RPSZeMWO2VVRjrouZvSlun\\ADW4o7lFE9rEfJaoVj2SKiIqIuvVvS2zeBiuHJKrajtGzyxrAsn1uL2oxF3dt5wK0lMrOx0OuViyK9Hq9XWyIuVNe1fLsv0ASw55pZ1YkSTxXRVVFyxoqam33rbb0bgK9e1rVpInor4Kh6MfI3U52XWjVTZa\\v1AYy07KxvFV6N4t7cr2SIi5kXNfyX2a9oHD8AgqX4zVUFbJUrU0iox72vSJMmtWvRFuuZU7XWuqwG6VlRSYEs0DUmltkZHdEcx1lWyLrvusm8DlejNGmH4Y2kalo4ls1LW3Iq\\mqgcYx\\DaWWV0c+SR75VWFqI1Mrs17KrVS+zVmXatgNbiPKoKqnqHxVcTmx3XlEiZFdxjXImf6q3REVXXRL+UDOrxGadJqKanWGomq5KaVr1Zd8MiXaqKmqyKqJq13TygcRpa19RVRskYqK\\Kq4fFHliqpVdrial+1Rba3LsVNVgOxcLVJ6+o5dJI\\lEa0iMjfZrlS6zORfstcuW\\u2gbXEa+rw90NNheE8ohiRt3pK1jWMTUrGptV9tjdi9IGjgxRs2C1UuA1MDK+mXjXoymc5kjM2tuV1lam26IvarfcBqHTOoYafBaOaKkwmolkqY5XRI90evM+NUXVZjluq3urXJl6QIXSYnSR1cLXzVc0bGyycZLmZUNkdZ0kD\\qJdERzFvZNnSociwmqig0kb2SjfRzJFIiLUJlRzlVrbI7uV1MvqXYoF\\H8bo+N5Jy2NsaonGcVJ271XYxFTuUsl1XcnnAwwqmxV8r3UE8NJh+Rqxsko0TM7fbWjlba2t2tQM9JExaPBK1al2HTUzY8z\\4b2rZNartXZt9gHTjIlYtTLCykaqzvkYtkWORHfWuv1bXVFTZa4EVLhj34hIqSw8QutqtWzbql01Kttm3ennsBt6OBi1kK4lLC3LdFSFb50VFvdelNWzXZdQHNuDS9HQ176ajnqKeSZGxysajc6NbvRVumtbeaygcxSvqX3RmGVSL\\bcxqe+4GPH4pIva0dNE222WdVX3NQCCuqJaZreXYtS0irsRkaXXzZlX5Aap+J6Ovj\\+JYjLPGvbXq3ORi2W2xERLX6QOSYdW0VXA12HzwTQtSycS5FRETdq2AXEW+wBeyAMyWAZkuB9TWgAAAA+OS6WA1y4Lh+VyMo4mKv140yuv05k1gZTYZHNUxySyzuYxmTilkXIv9pU6fKB9Zh0SU6xqiKq3XPZLp5r33agKkuj9NO1iVElRJxTs0SpIrFj8iK2y2\\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\\i9ibETtL7ETbb6q+RQMaLCp8NvSUs7mo3+Ex+pqytXW3d2uu\\m3AbSgV8dW+nplV8yu3u7bZzjv7KfO+\\YG6ljiomoqosjlyo1Gp2ydK\\mqgQ1bUgiq30dRatktTMWZyo1HLrRPzUDKigWiq5I2LEyBjWMjj4zYyy3XLuVXavKBhHJBK6drWJErnpK90y5lSXL3KN6UREX2oBfY+R7487mMjVEVt0s9y2uupdnm2gRRwujYx9U9iqjkXKxFRrVRV1p7Nu7UB8fIr6iJXxJybu0exb3dezVVE8i3W\\kAo4tHG6kZO9rnwRTNmREXIrEtt17fMBGx7cjZM92rddSptc5V+SoBqquOni0hmr2VKtWRiRub2uV6olkcrl2WAVdA2rgZHVSojYXZ3OY\\VZjERFVd6X\\MDlOBOatEqNfnRr1RXIm1dSr8wNZiejNNV4i2tWON8kapljW7U190t\\tb0Xd7QNl2NjShZTOe+RGJa71Rc3n1WA64WgdGs9E7EkSeRz3OhqkRZFbftmxpsct0Sz9SogEdLTRYXXtWgjqKeJkyyx01SlopEYxeMcyRyK6N2tVRFVEuiXuByPCqauqo5K+npGrUq1js9U\\wDiP3pGi7EViW1rqV6r0XA0mkuMcdT1E0lHUMr6ZFi5VB2l1sjlbLGutERLXdrstsqqBzSspGVcEVRhFaynroYESJ7Ho9jmqmpr2rqc1V2LqXoUDjjaZJKOeDGoXU1THBx8sUFl4uRutJYb6lai9yqbF7VyWsBBDTyQpTNxBklYqxujo4YVRvcxKts220rLuVHJqe3zKByvRvEIsQpn0NQ5k01Mjb37ZJY1S7JE6bpqXocioBu4aeGLVFGyNNtmNRPkBJZEAwqYm1FPLC9EVkjVYqLvRUsB0dVScXCtHV0zGywSq1Gta3NdFy6rJrvqReldagXKdkFO10EtHSyyZcr0sqI1V16lRf8A7ol\\qawinSKGWN0EsTINb0arF1OTbfyIvyvsuB2rojDLFgVO6qjSKpmvNK3UvbOW\\t1WAu4hiFLh8eeqlaz7LE1vcvQjU1qvmA600p4TJIJ1pMMjhjVdsqyNkc1Ne5Fsip0XVQOGVOJ1uO1r0qpWzRRKkkzG2VGp7O2dqtrAhWipopYuOqWTIsatVE7XMzYxqXTUuvWBho1X1mAMmxGFkTKZ71SJyyrd7mrryW7pETbfUqagPR1PI2WJkjdj2o5PMqXAqaQJK7B6lKeeSnlypaVioit1pdbu1Jq3qBpZMWr5qKJEWOkVWZ3PW75Fb5G2SyruVfcBdwlK+ZsaVcksTbpIiZkV1k+q7Ml\\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\\Ai+BAPqU8KJZIo0S1rI1NgGbGNYioxrWoq3WyW1gZWAWArvoqWSdsz6aF0ze5kWNFcnmXaBm6mgdG5joY3Mct1arUVFXygSI1qJZERPMgEbqaB0rpXQxrI5Ear1al1RFuiX84GEdDSxX4umgZdERcsaJdEW6J7FAzmpoJnNdNDG9zUVGq5qKqIupbecD5HS08cmeOCJr7I3M1iItk1InsuB8go6aByOgp4Y3I3IisYiKjb3tq3X12AnAKl01gLJ0AVZcPo5XK6Wkp3uVbqro2qqr7gPiYbQpso6ZPNE39ADsMoXXzUVMt+mJvm6ALTWo1ERERETUlgIpKWCSRz5IYnPc3Irlaiqrei\\QBVbgmFN7nDKFPNTs\\QDLsPhuZXdj6PMqIl+Ibf5AZy4bQyo1JaOmejbWzRNW1tltQGMuE4fLk42gpH5EytzQtXKm2yatQFxEREsiJYD5JGyRiska1zF2o5LooHx0Ubno9zGq5NV1TWA4qPjOMyNz2tmtrsBmAAAAAAAAAAAAAAAAAAIHUdM6RZHU8KyLtcrEuvtAlWNjm5Va1U2WVAIeRUudr+TQ523s7Il0vtAwTDKFJXypRUySPujnpE27r7brbeBLHS08eXJBE3K5XpZqJZy7V869IEw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BXrayChgWaqkSNiate1V6ETevkA16YliNQmajwpyR7nVMqRX9llX3gFxOupkzV+GPSNNr6aRJUb50si\\kBsqSqgrIGzU0jZYnbHNUCYCGrqYaSB01TI2OJu1zlA1qYpW1KZqDDJHRbpKh6RI7zJZV\\IAuI4jAmaswpyx73U0qSKnsVEVfYBsKGtp66BJaWRJGXsttqL0Km5QLAENXVQ0cDpqmRscTdrnKBrUxOuqUzUOFvWLc+pkSJF8yWVfyALiWIU6ZqzCnLHvdTSpLb2WRfcBsaKsgroEmpZGyRrqum1F6FTcoE4EFZVwUUDpqqRscab1+SdKga5MTr6hM1Dhb1jXY+pkSK\\ssq+9AC4liFOmatwt\\FptfTSpLb2WRfcBsaKrgrYEmpZGyRrvTcvQvQoE4AAAAAAAAAAAAAAAAAAAAAAAAAAAAAAB5Y4fvpKq\\VoOqpYldcgR1HNL7AIoQLsW4Cw0DMAAAAAAAAAAAAAAAAAAAAFep2NAgAxl5qT0V+QHuDR\\vFh3q0fUQir4AAAAAAAAAAAAAAAAAAAAAAAAAAAAHx7msYrnKiNRLqq7kA0uEQ9kZuy1W26uvyWN2yJm51vtLtuBdxjE6XC6N01ZWUtLmu2N1TKjGudbUl1\\w1gaPQvTGl0ipKdr2LBiTmv42BrXOY1WuVFVH2sqLtb0ovnAvYlEmE1aYlTJlge5G1cabFRdSSW6U39KAbxFA0eHxpi9Y7EahM9NG9WUka7NWpZLdKre3QgDHtKMKwKVYsRmlbPxaSpHFBJK5zVdkuiNRb9sqIvRdL7QItEdLcP0pXEW0EdVFLQVC008VTEsb2ut0e\\y6taATYxAtBKuLUbbPZ\\vMbdkse9fSTaigblj2vja9jkVjkzIqb06QNLhsSYtVLidSmaBjlbSRrsRE1LJbpXd0IBhpdpJT6PYLXVd4p6mnidI2mz2dIqJfLqRbKqeQD7TaV4VJV4ZRzzupq7EY89PTzMc1z7NRXNRbWulwMsXhXDpuy1IlstuVRt2Sx73W+0m2\\QBumva5iPRyKxUui+QDS4XF2UqeylSmaNFVKSNdjW7M9vtL09AFrD8XhrcWxTD2Rysnw90aSK5EyuR7czVatwJKDFqDEGMfR1cMqPfJG1EdrVzFVr0ttuipZegCji0XYyfsrSplZdEq402PZ9u32k236AN21Uc1Fat0XWigfQAAAAAAAAAAAAAAAAAAAAAAAAAAAAAHljh++kqr9Wg6qliV1yBHUc0vsAihAuxbgLDQMwAAAAAAAAAAAAAAAAAAAAV6nY0CADGXmpPRX5Ae4NH+8WHerR9RCKvgAAGqfiVa1zkbhFS5EfK1FSRmtGJdq7frrqTo32A+txGtWRjVwmoRrnRNV3GMs1HIquXb9RdS9N9VwIH4viLYXPbgFY56QukRiSxXV6PypH3W1U7a+y3l1AWHYhWJK5qYVUK1JZGI7jGWVrWXa\\bscvapvvt1AYtxGtVY0XCKlEdxN1WRna5+7vr+pv6d1wIpMVxBsMj24HVuc2GWRGJLHdzmvytZ3W1ydsi7ETbZQJ1r6xJlYmFVCt45Y8\\GMtlRmbPt2Kva2238msDBuJVytjVcHqUVzYVVOMj7VXrZybfqJrXp3XAxkxSvayRW4JVPVsc70RJY+2cxURjU17XprTcltdgJm19WsyMXC6hGLM2NX8YyyNVmZX7diL2ttt\\IBCzFK9YM64LVNfxTX8Wssd8yvyqzba6J23RbygZS4lXMR6swaperVmRESSNM2RO02r9fYnRvsAjxKudMjHYPUtYr4m51kjsiObdztuxi9qvSuy6AYpilesCv7CVSPSLPxfGx3V2fLk22vbtr7LeUDOTEq1rno3CKl6I+VqKkketGtu123Y9dSdC7bAYxYnXPexH4LVMReIuqyxrlzoufYv1LWXpvquB8XFK\\iXv7C1SuSN70Zxsd1cj8qN27VTtk3W26wJXYhWJKrUwqoVqSvjR3GMsrUZmR+3Y5e1RNt9urWBFFide5I82C1TMzIHLeWPtVeq52rr2x7+m+q4H12J1yRvcmDVSq1krkbxkfbK11mt27XprTo32AkTEKzjsnYqoycdxefjGWy5M2fbsv2ttt\\JrAgbiuILFG5cCq0c6KGRWcbHdrnus9i9ttYnbKuxU2XUCfSZ749H8QdH3SQut7gL1KxsdNEyPuGsRG+awHEuECrrEw2oZHRsp2xSRLDXzzMRqSK9qJZqI521cq6k1KtgM4sI0gbpBNi6y4Zx0zWwcW5ZXNjhRb5G2VEzXVVzKm9NiIByPGWNkwitbIiK1YX3+FQK0csv7rtm18dyNH+XNkv8AMCbBGtjwShRidqkDFsnoooHAdLcbosRxTRmroJMZplkqUpo8QpKVqtVJkVFju\\fmYl7IuXKtwI6HGqnRjB8Np8GwN1Q2rxNaaV9RVtWaad0rklXtW9srcr+2dlSzUA7Oma2SGRkncOaqL5rAaLD5ZU0IbIl+MbRuVvsatvkgG0wdjY8Jo2sSzUhZa3ooBw\\HKeXD8TxeRk+JQcoa6vmqkiasL4Y4si0+ZFzMcidsi6ta6r2VALeBYpglXhWjsONYjhlVjSQwOaksrFlWfIl3Il7o66r7wOWVbGyUszJO4cxyO81gNHTzS\\uKkuvjUoVVPPkUDYRy01DgMck87KWligbeZz0YjEy7brqQDqfRiNXQaeYrQYvitW5KJFgxGpesckipErke1iIjcvaplda9tlk2hdw3R2ipq\\ROpp8OwuhrUxJJ3spJnSvRr6aVVR7nJfWq3ts+YHalcxslBUMksrHRuR1+iygVcCke7R6hkc1XScnYtt6rlAhbilesaOXBKtHZYHZVlj2vdZ6d1\\w01r07rgfX4nXNjVzcGqXKjZlRqSx61YtmJt+umtOjfYCXl9XylI+xc\\FrKkfGZ2WRqszZ7XvZF7W22\\kAr9lcQ4nP2Cq8\\FRPycbHfM5+VzO62tTtlXYqbLqBJJiVc3NlwepdZZkS0jNeTuN\\193RvsBmmIViztYuF1CMWRjFfxjLI1zLq7bsavarvvs1AV3YviKQq9MBrFekLZMnHRXVyvyqzutqN7a+y2rbqAmfiNa1zkbhFS5EfM1FSRmtGJdrtux66k6N9gPrcRrVkY1cJqEa50TVdxjLNRyKrl2\\UXUvTfVcCB+L4i2Fz24BWOekLpEYksV1ej8qR91tVO2vst5dQFh2IViSuamFVCtSWRiO4xlla1l2v27HL2qb77dQGLcRrVWNFwipRHcTdVkZ2ufu76\\qb+ndcCKTFcQbDI9uB1bnNhlkRiSx3c5r8rWd1tcnbIuxE22UCda+sSZWJhVQreOWPPxjLZUZmz7dir2ttt\\JrAwbiVcrY1XB6lFc2FVTjI+1V62cm36ia16d1wMZMUr2skVuCVT1bHO9ESWPtnMVEY1Ne16a03JbXYCVMQrONRvYqoy8c2PPxjLZVZmV+3Yi9rbbfyawI0xOvWJjlwWqRzo43qzjY7tc59nN27Wp2y7rbLqAlxOuYr8mDVT8qTqlpY0zZLZE1r\\xL6ui2uwGbMRrXSNa7CalrVkjYrlkZqa5l3O27Gr2q71XZdAI+ylfxDX9hKrOsSPVnGx3Ryvyqzba6J219lvKBLHiFY6vjgdhNQ2F0srHVCyMyta1EVrlS97OuqJqultdgNmAAAAPLHD99JVX6tB1VLErrkCOo5pfYBFCBdi3AWGgZgAAAAAAAAAAAAAAAAAAAAr1OxoEAGMvNSeivyA9waP94sO9Wj6iEVfAAAAAAAAAAAAAAAAAAAAAAAAAAAAAjqoW1FNLDJ3EjVYvmVLAa7R+pc6lWiqFtV0lopE6UTuXJ5FQCjV4ZUY3pBTVFc3i8Kw5\\GwQLtqJ90jk3NZrypvXXuQDkYGn0ilWaJmGQLeorO1W31I\\rOX2avOoG1SNiQpEjU4tG5cvk2WA1Oj8nJ2SYXOqpPSamX+vEq9q5PkvlQDS0GhyN0kq6yqnquRw1iVtBAyfLEx7m\\xFViJrVXK\\atrOAtYXofR02PVWL1WaasdWSVFO5Jn5YWuYjVRGXy3Xtr6tdwNppBVOjpEpabXWVf8ACib0X2u8yJrAu09LHDQx0rUvEyNI9e9LWA1WEIr6GowaeWWKop2rEj2OyvWNe5e1em2\\pQDVYpoRQV0cdJJHLPFIrXVFRV1D53ua1UXK1HKqIq2sqoiWS9tYGywbDqujxnE4p4oH4U7i5qN6MYjo1W+eKyImpqoitX+1bcBb0hqXJSpRU63q6y8UaJuRe6cvkRAL0dLGyibSol4kj4u3ktYDSUVJS4lhM+A41Tx1KQIkckMyXbKxFux1t6ak9qAQ4Lo\\UR1+kzsXfDUUeJSNjhja3LanSJG5XW8quTzIgHyHQrDKLF8Jq8Jp4KGGiWRz4oY0bx7lYrWq5U1qrbute+1QNlpDO5adMPplvVVl42on1W\\WevkRPzsBtIImwQRxMSzGNRqeZEAzAAAAAAAAAAAAAAAAAAAAAAAAAAAAAAeWOH76Sqv1aDqqWJXXIEdRzS+wCKEC7FuAsNAzAAAAAAAAAAAAAAAAAAAABXqdjQIAMZeak9FfkB7g0f7xYd6tH1EIq+AAAAAAAAAAAAAAAAAAAAAAAAAAAAAA1+JYa2qkZUQyup6yNLMmYl9X2XJvTyAV0q8XgTLPhzKm3\\EppUbf\\tda3vAOqcYqUywUMVGi7ZKiRHqnma3b7wLWG4cyiWSR0j56qXXJPJ3TvJ5E8iAXgKOJ4dHW8W9HvhqYlvFPH3TF\\wAU6UUCq2oximTLPRRViJskgkRir52u2e8AtXi86ZYMNZTKv16mZFt\\2tvf3oBYw7DUppX1FRK6prZEs6Z6Wsn2WpuTyAbACjieGsrVjkbI+Cqi5uePum+Typ5FAqtqcXpkyz0MVZbZJTyIxV87XbPeAWrxeoTLBh8dKq\\8SplR1v8Atbe\\vAsYbhraWR880rqiskSz5npbV9lqbk8gGwAoYlhrKx0cscj6eri5udm1PIqb08igVm1WL06ZZ6COrt\\xKeVG387XbPeAWqxeoTLBh8dLf\\iVEqOt\\wBrdvvAs4bhraR8k0sjqisl5yd+1U6ETcnkQC+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NRpPirsKoGviaizSvSNiuaqtbvVXW8iKBqm6TVFRyF9NSojah2RzVVFVqot3Je6a8qL7bbQOWJsA4jjeklZRVT44YtjkRGrArnIl0S6qj\\AHakuBt9G8RfiNK+SR\\GdtdruLRmrotmXZ5bAYaVYtJhFDHNA1j5XyJG1j2quZbbNS6gNPT6VSzJQ556GLlCqjs0b7sttS19fRe+9AOYot0umxQOJ1uktXDWVtOyKHtVVkTsrtTs6MRV6U13snmA2+AYlJXwvbURqyViql8iojkTVm17L7bbgNsBpccxWWgqGMa6COLillfJKjnW7ZrUREb0q4CGjxepkxGlgetO+OWR8T8rHscxzWZtjvYBuMQqOSUFTU5c3Exuky3teyXsBxqo0mq2o1raWJHtqWRPVJmqiotlVERVRU1Lt2Acnop1qaZkrmZFcmtudHW9qagKGOYjyFGIyqo4XqiuVKjMt08llApYBjrq\\k7qiqw9FmbqhizZ0d0a1A5BK5WRPc1uZWtVUbe1\\IBxVNJK6S00dHDyeNLStSRz1VV+yqN15frWvtA32DVrsRw9lS6NI86uREa\\Mioi2RUXoUC8AAAAAAAAAAAAAAAAAAAAAAAAAAAAAA8scP30lVfq0HVUsSuuQI6jml9gEUIF2LcBYaBmAAAAAAAAAAAAAAAAAAAACvU7GgQAYy81J6K\\ID3Bo\\3iw71aPqIRV8AAAAAAAAAAAAAAAAAAAAAAAAAAAADT6U4e\\EsMSniYr1WRq6nI2yJfXrRQNDBoxV07sPYj4sqSvc\\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\\AJgXg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wB4sO9Wj6iEVjpB3rkt0t+aAcTuvSvvAXXpd7wF16Xe8Bdel3vAXXpd7wF16Xe8Bdel3vAXXpd7wF16Xe8Bdel3vAXXpd7wF16Xe8Bdel3vAXXpd7wF16Xe8Bdel3vAXXpd7wF16Xe8Bdel3vAXXpd7wF16Xe8Bdel3vAXXpd7wF16Xe8Bdel3vAXXpd7wF16Xe8Bdel3vAXXpd7wF16Xe8Bdel3vAXXpd7wF16Xe8Bdel3vAXXpd7wF16Xe8Bdel3vAXXpd7wF16Xe8Bdel3vAXXpd7wF16Xe8Bdel3vAXXpd7wF16Xe8Bdel3vAXXpd7wF16Xe8Bdel3vAXXpd7wF16Xe8Bdel3vAXXpd7wF16Xe8Bdel3vAXXpd7wF16Xe8Bdel3vAXXpd7wF16Xe8Bdel3vAXXpd7wF16Xe8Bdel3vAXXpd7wF16Xe8Bdel3vAXXpd7wF16V94HIdFlVYqi6r3SfIDeAeWOH76Sqv1aDqqWJXXIEdRzS+wCKEC7FuAsNAzAAAAAAAAAAAAAAAAAAAABXqdjQIAMZeak9FfkB7g0f7xYd6tH1EIrHSHvXJ52\\NAOO0D3RsqnscrXJFdFTd2yAY8vqvDv\\IBy+q8Yf+QDl9V4w\\8AIBy+q8Yf+QDl9V4w\\wDIBy+q8Yf+QDl9V4w\\8gHL6rxh\\wCQDl9V4w\\8gHL6rxh\\5AOX1XjD\\wAgHL6rxh\\5AOX1XjD\\AMgHL6rxh\\5AOX1XjD\\yAcvqvGH\\AJAOX1XjD\\yAcvqvGH\\kA5fVeMP\\ACAcvqvGH\\kA5fVeMP8AyAcvqvGH\\kA5fVeMP\\IBy+q8Yf8AkA5fVeMP\\IBy+q8Yf+QDl9V4w\\8AIBy+q8Yf+QDl9V4w\\wDIBy+q8Yf+QDl9V4w\\8gHL6rxh\\wCQDl9V4w\\8gHL6rxh\\5AOX1XjD\\wAgHL6rxh\\5AOX1XjD\\AMgHL6rxh\\5AOX1XjD\\yAcvqvGH\\AJAOX1XjD\\yAcvqvGH\\kA5fVeMP\\ACAcvqvGH\\kA5fVeMP8AyAcvqvGH\\kA5fVeMP\\IBy+q8Yf8AkA5fVeMP\\IBy+q8Yf+QDl9V4w\\8AIBy+q8Yf+QDl9V4w\\wDIBy+q8Yf+QDl9V4w\\8gHL6rxh\\wCQDl9V4w\\8gHL6rxh\\5AOX1XjD\\wAgHL6rxh\\5AOX1XjD\\AMgHL6rxh\\5AOX1XjD\\yAcvqvGH\\AJAOX1XjD\\yAcvqvGH\\kA5fVeHf+QGWIPdIlM96q5zoUVVXfrUDb6K81UeknyA3gHljh++kqr9Wg6qliV1yBHUc0vsAihAuxbgLDQMwAAAAAAAAAAAAAAAAAAAAV6nY0CADGXmpPRX5Ae4NH+8WHerR9RCKx0h71yedvzQDjdHzNZ9z\\AJkArAAAAAAAAAAAAAAAAAAAAAAAAAAAAAAAAAAAAAAAAAAAAAAAAAAAAAAAAAAAAAAAAAAAAAAAAAAAAAAWazm6T7lPmoG50V5qo9JPkBvAPLHD99JVX6tB1VLErrkCOo5pfYBFCBdi3AWGgZgAAAAAAAAAAAAAAAAAAAAr1OxoEAGMvNSeivyA9waP94sO9Wj6iEVjpD3rk87fmgHG6Pmaz7n\\AD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AHiw71aPqIRWOkPeuTzt+aAcbo+ZrPuf8yAVgAAAAAAAAAAAAAAAAAAAAAAAAAAAAAAAAAAAAAAAAAAAAAAAAAAAAAAAAAAAAAAAAAAAAAAAAAAAAALNZzdJ9ynzUDc6K81UeknyA3gHljh++kqr9Wg6qliV1yBHUc0vsAihAuxbgLDQMwAAAAAAAAAAAAAAAAAAAAV6nY0CADGXmpPRX5Ae4NH+8WHerR9RCKx0h71yedvzQDjdHzNZ9z\\mQCsAAAAAAAAAAAAAAAAAAAAAAAAAAAAAAAAAAAAAAAAAAAAAAAAAAAAAAAAAAAAAAAAAAAAAAAAAAAAABZrObpPuU+agbnRXmqj0k+QG8A8scP30lVfq0HVUsSuuQI6jml9gEUIF2LcBYaBmAAAAAAAAAAAAAAAAAAAACvU7GgQAYy81J6K\\ID3Bo\\3iw71aPqIRWOkPeuTzt+aAcbo+ZrPuf8yAVgAAAAAAAAAAAAAAAAAAAAAAAAAAAAAAAAAAAAAAAAAAAAAAAAAAAAAAAAAAAAAAAAAAAAAAAAAAAAALNZzdJ9ynzUDc6K81UeknyA3gHljh++kqr9Wg6qliV1yBHUc0vsAihAuxbgLDQMwAAAAAAAAAAAAAAAAAAAAV6nY0CADGXmpPRX5Ae4NH+8WHerR9RCKx0h71yedvzQDjdHzNZ9z\\AJkArAAAAAAAAAAAAAAAAAAAAAAAAAAAAAAAAAAAAAAAAAAAAAAAAAAAAAAAAAAAAAAAAAAAAAAAAAAAAAAWazm6T7lPmoG50V5qo9JPkBvAPLHD99JVX6tB1VLErrkCOo5pfYBFCBdi3AWGgZgAAAAAAAAAAAAAAAAAAAAr1OxoEAGMvNSeivyA9waP94sO9Wj6iEVjpD3rk87fmgHG6Pmaz7n\\AD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AHiw71aPqIRWOkPeuTzt+aAcbo+ZrPuf8yAVgAAAAAAAAAAAAAAAAAAAAAAAAAAAAAAAAAAAAAAAAAAAAAAAAAAAAAAAAAAAAAAAAAAAAAAAAAAAAALNZzdJ9ynzUDc6K81UeknyA3gHljh++kqr9Wg6qliV1yBHUc0vsAihAuxbgLDQMwAAAAAAAAAAAAAAAAAAAAV6nY0CADGXmpPRX5Ae4NH+8WHerR9RCKx0h71yedvzQDjdHzNZ9z\\mQCsAAAAAAAAAAAAAAAAAAAAAAAAAAAAAAAAAAAAAAAAAAAAAAAAAAAAAAAAAAAAAAAAAAAAAAAAAAAAABZrObpPuU+agbnRXmqj0k+QG8A8scP30lVfq0HVUsSuuQI6jml9gEUIF2LcBYaBmAAAAAAAAAAAAAAAAAAAACvU7GgQAYy81J6K\\ID3Bo\\3iw71aPqIRWOkPeuTzt+aAcbo+ZrPuf8yAVgAAAAAAAAAAAAAAAAAAAAAAAAAAAAAAAAAAAAAAAAAAAAAAAAAAAAAAAAAAAAAAAAAAAAAAAAAAAAALNZzdJ9ynzUDc6K81UeknyA3gHljh++kqr9Wg6qliV1yBHUc0vsAihAuxbgLDQMwAAAAAAAAAAAAAAAAAAAAV6nY0CADGXmpPRX5Ae4NH+8WHerR9RCKx0h71yedvzQDjdHzNZ9z\\AJkArAAAAAAAAAAAAAAAAAAAAAAAAAAAAAAAAAAAAAAAAAAAAAAAAAAAAAAAAAAAAAAAAAAAAAAAAAAAAAAWazm6T7lPmoG50V5qo9JPkBvAPLHD99JVX6tB1VLErrkCOo5pfYBFCBdi3AWGgZgAAAAAAAAAAAAAAAAAAAAr1OxoEAGMvNSeivyA9waP94sO9Wj6iEVjpD3rk87fmgHG6Pmaz7n\\AD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AHiw71aPqIRWOkPeuTzt+aAcbo+ZrPuf8yAVgAAAAAAAAAAAAAAAAAAAAAAAAAAAAAAAAAAAAAAAAAAAAAAAAAAAAAAAAAAAAAAAAAAAAAAAAAAAAALNZzdJ9ynzUDc6K81UeknyA3gHljh++kqr9Wg6qliV1yBHUc0vsAihAuxbgLDQMwAAAAAAAAAAAAAAAAAAAAV6nY0CADGXmpPRX5Ae4NH+8WHerR9RCKx0h71yedvzQDjdHzNZ9z\\mQCsAAAAAAAAAAAAAAAAAAAAAAAAAAAAAAAAAAAAAAAAAAAAAAAAAAAAAAAAAAAAAAAAAAAAAAAAAAAAABZrObpPuU+agbnRXmqj0k+QG8A8scP30lVfq0HVUsSuuQI6jml9gEUIF2LcBYaBmAAAAAAAAAAAAAAAAAAAACvU7GgQAYy81J6K\\ID3Bo\\3iw71aPqIRWOkPeuTzt+aAcbpOZrPuv8yAVgAAAAAAAAAAAAAAAAAAAAAAAAAAAAAAAAAAAAAAAAAAAAAAAAAAAAAAAAAAAAAAAAAAAAAAAAAAAAALNZzdJ9ynzUDc6K81UeknyA3gHljh++kqr9Wg6qliV1yBHUc0vsAihAuxbgLDQMwAAAAAAAAAAAAAAAAAAAAV6nY0CADGXmpPRX5Ae4NH+8WHerR9RCKx0h71yedvzQDi0M0kLldE9WKqWVUAl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Dl9X4d\\5AOX1fh3\\kA5fV+Hf+QEM0skzkdK9XuRLXUDf6Lc1UeknyA3gHljh++kqr9Wg6qliV1yBHUc0vsAihAuxbgLDQMwAAAAAAAAAAAAAAAAAAAAV6nY0CADGXmpPRX5Ae4NH+8WHerR9RCKuTRRzRqyVjXsXaipqAr9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djaLxaL4QHY2i8Wi+EB2NovFovhAmgpoadHJBG2NF1rlS1wJQPLHD99JVX6tB1VLErrkCOo5pfYBFCBdi3AWGgZgAAAAAAAAAAAAAAAAAAAAr1OxoEAGMvNSeivyA9waP8AeLDvVo+ohFXwAAAAAAAAAAAAAAAAAAAAAAAAAAAAAABcBcAgAAAAXAAAAC4AAAAAAFwAAAAAAAAAAAAAAAAAAAAAAAAAAAAAAAAA8scP30lVfq0HVUsSuuQI6jml9gEUIF2LcBYaBmAAAAAAAAAAAAAAAAAAAACvU7GgQAYy81J6K\\ID3Bo\\3iw71aPqIRV8AAAAAAAAAAAAAAAAAAAAAAAAAAAAAoHBOEDhBptG3LRUbG1WKKl1Yq9pEi7Fd5fIZuWztp6Vz63s6hxLTnSSvkV0mLVESLsZTrxTU82XX+Zz5q9M0sJ8MsL090kw6RHMxSadibY6n+K1ffr\\ADLzUulhfh3JoDp3SaUMWnlYlLibG5nQ3u16b3MX\\DahvHLd5dTSuH9nMzTk4FwgcIVPo491DQsZVYna7kVe0h6M3SvkM5ZbO2no3PrezqLEdOdJK+RXyYtUxIuxlO7imp5suv8AM581emaWM+EmFafaSYdK1zcTlqGJtjqf4iL7V1\\mOawuljfh3LoFpzSaUxLC9iU2JRtzPhVbo5PtMXenk2odJlu8uppXD+zmJpydf8IHCJT6PSuoMOjZVYkidvmXtIfSttXye8xctnbT0bl1vZ1JiGnGklfIr5cXqY0X6sDuKanmymOavVNLGfCbCdP9JMOlRzcSlqWJtjqf4iL7V1\\mOaxLo4X4dzaB6cUelMKxK1KbEY23kgVbo5PtNXen5odMct3l1NK4f2cuuacnX3CBwjQYBM\\D8MYyqxJO7Vy\\w4fIttrvJ7zOWWztp6Ny63s6lxDTfSSulV8uMVUd17mB3FNT2Nsc+avTNLGfCzhPCBpJhsrXJiMlTGm2Oq\\iIvtXX+ZZlYZaWF+Hc2gmmtHpVTuY1vJ8QibeSnVb3T7TV3p8jcy3eTU07g5aacwAAAAAAAAAAAAAAAAAAAAAAAAAAAAAB5Y4fvpKq\\VoOqpYldcgR1HNL7AIoQLsW4Cw0DMAAAAAAAAAAAAAAAAAAAAFep2NAgAxl5qT0V+QHuDR\\vFh3q0fUQir4AAAAAAAAAAAAAAAAAAAAAAAAAAAAGr0nxRMF0frsRcl1p4le1Ol2xE99iW7RrDHmykeWaqomq6qWoqZHSTyvV73qt1c5dqnF9CTZfk0fxiOofA7C61ZmLZWthc7X7EXpLtU58du6es0Vxyiwx+IVmGVMFKxURzpG2VL77bbeUbVJqY27StbhtdPhuIU9bSPVk8D0exU6U3eZdhN9mrJZtXpTFNI46bQiTHokRUWlSaNq\\aciWRfap1t6bvBMN8+V5nqJpameSed7pJpHK973LdXOXapyfQk2c24MtG58QxNtVXYdFPgz2vglknciI1VTVlRVvmRbe81jHHVz2m0vVU0g0eoaKgraaiSapxTDHotZPCqrDxaqu1HWVrmqiJqvfb02WLjnbd72rjWFYhUYViVPXUj1ZPA9HtXpttRfIqajM6Olks2r0jjukcdHoTNjkCd1TNkhav2nImVF8yr+R2t6bvBjhvnyvOFJSV+M10jaWGetq35pXoxquc7XrcvtU493utmM6uRYZodKmGYvV6QtqcLZSxJxDpWZeMlXY3KqXdfyGpj5Yup1kx6s8N0HrMX0YpcQwqGpdWOnWKWGZEYzLa6PY5bXTcu3WOXedC6sxy2rQ001foxpAyRWugrqGXtmL0ptavSip+Sk7VuyZ4\\3eh9JdImYfoTPjVNa74GvgRftPsjfcq\\kdbem7xY4b58teZ5HumldJNIqve5XPket1VVXWqnF7nZNTwfy4dofiz65aFaiJY6mnrEerUVlu3ZdencnSqG+Xo4TV3ymytjOi1Hh\\B3TVWIrR0mLpKvFviesi1LVS6NW2q9l9libdFx1Lc9p2cNwbEarAsWpMQgR8csLkkRFRUzt3p5UVLoSdHXKTKbPVFFUMq6SCoiW8crGyN8ypdDs+fZtdkwQAAAAAAAAAAAAAAAAAAAAAAAAAAAAA8scP30lVfq0HVUsSuuQI6jml9gEUIF2LcBYaBmAAAAAAAAAAAAAAAAAAAACvU7GgQAYy81J6K\\ID3Bo\\3iw71aPqIRV8AAAAAAAAAAAAAAAAAAAAAAAAAAAADh3C5G+TQHEuLv2vFvd6KPaqmcuzro++POWvdtOT3O6MRq9IMe0bwLEMKxmnwyGaBW1SyTpD\\Eatrotrrey6vIh062PJJjjlZZu1+lWITYHwcx4czFIsUqq+d7KmqZPxiIlrq1LrfYiJ7+kl6RrCTLPfbbZ1OYel3Hi9NO3gJpGrfMyKKR3ocZf5Khv+V5cbPVdOIjlWzEVX\\VttvuMPU74kwmnnkqpMUkY1lSyNamZrbvgkbCzMiq5crHKqIqKjVctzrs8XNfhxvTyqiqdFZ8TwSJFbiMsaYnI16OWPI1MjVslta2uqar6jOXbo6ac2y2y+Ozqu\\SYel3HpHTVDeA\\D2uvmjjge\\0c380Ol9ry42erXVOD1S0eIxSZqtGLdr0pZMkj2r9VHbr6jnHpym8dk45VTS6F4i7E3xJidC+nqKeiicv\\wAPRXZWZna1Vy61VFW\\SbvZ58Z+Kbdr\\lyWKvWupMOrsHw+pr5K2sbOjZ3vZDSvbFZy6m9q1FVdWxXLdDX9nPba2W9nSuksVVBpBiLMRaraps71kRX57Kq37pdqWVNZyvd68drjNnaWl9NUN4FcKa6+aJlO6Tzf+1Q3fa8+Fnq11TglHJiOMUVJCsKSTSta3jlsy99i+QxHoyu03rufEcVppsGxOnWtpq9\\LYqaokrbpSMc5NbWIi9qxqIm\\Wu86PLMbvKgeyXCcCxemrcTo6J+HcVO1uFUKWp2yLbUj07ZXdKLfpB7rLJ38uptIcYq8UqU5XXz18MCubDLOxGvVirfWm7Zsupi3d6scZO0ekdC4pIdEsHjmvxjaSJHX6cqHWdnhz91bkrAAAAAAAAAAAAAAAAAAAAAAAAAAAAAB5Y4fvpKq\\VoOqpYldcgR1HNL7AIoQLsW4Cw0DMAAAAAAAAAAAAAAAAAAAAFep2NAgAxl5qT0V+QHuDR\\vFh3q0fUQir4AAAAAAAAAAAAAAAAAAAAAAAAAAAAFbE6OLEcPqKOpbmhnjdG9PIqWFWXa7x5d0kwWq0fxefD61q5o1ux9tUjNzk85xs2fQwymU3ipJW1MmHw0MkznUkMjpY4l2Ncu1UIu033VrImuyX8wVu9D9H6jSXG4aKBrkiujp5ETVHHvXz7k8pZN6xnnMJu9K1uF01XgsuFvYiUj4eIyp9VtrJbzavcddngmVl3eaq+jxDRDSZrJGo2ro5Ukic5LtkRF1O8qL+qHLtXvlmpi5ZBpNhCY7RVEk8tpIo6qedWOc1tbd2ZXx725Vy9rrRLW2Gt45XDLbb\\uzHEtJIsEhom4PjUWLU7nSrVUMkLuLcj1u5Lu+qu5NqLdd4t27LMObvNmto8PTTzTZzsOoXUVHJkfUoi5kiaiWcqKiWS9rIhPdWrfTw6u\\MTwqmr8EnwuRiNppYeJsidylrJbzavcdLHjmVl3eYccwqswLFpqGsa6Oohdqcl0zJuc1ehTjZs9+OUym8bytxTBqbRGSjwdapa\\EXxPrEm7bisiqtkdZL3dZd\\l1mt5t0YmOVy3vw12NaV41jL2LW18qRsREbFEqxsbbfZN5LbWsdPHHtF3RnCq\\TfSrNVPfJnektZPlRERqWTdquqJZEEnNUyymnj0ehcYwmnxPA6nC5G5aeaLikRE7nVqVPNZF9h1s+HimVl3eYMawyrwTFJqGuYsdRC63Qjk3OTyKcbNnvxymU3jbVGkyy6Cw4A6JVkZU8Y6VbW4tNbW9N7qvsLv02ZmH4+Zcp9IaBuhGKUszZ3Y1VpHTue6Rz0kjYqKjlvqS3c28xd+icl55fhS0E0bm0lx6KnRruRxqj6mTc1l9nnXYhJN6upnMI9NRtaxjWsREaiWRE3IdngfQAAAAAAAAAAAAAAAAAAAAAAAAAAAAAHljh++kqr9Wg6qliV1yBHUc0vsAihAuxbgLDQMwAAAAAAAAAAAAAAAAAAAAV6nY0CADGXmpPRX5Ae4NH+8WHerR9RCKvgAAAAAAAAAAAAAAAAAAAAAAAAAAAAANPpNo5hukdGlPicGfLrjkatnxr0tX\\AA2Es3axzuF6Or8R4HKtsqrhmKQPjXYlQxWuT2tvf3IY5HonET5jPC+ByoWVFxXFImxptbTMVVX2utb3CYeS8RPiO0dHsCw\\AKFKXDKdIo9rnLrc9ely71NybPPllcrvW0Ky0uk+jWG6SUiQYlBmc3m5WrZ8a+Rf8NhLJWsM7hd46wxHgcrEkcuG4pTvj3JUMVip7W3v7kMcnh6JxE+YlwvgdnWVFxbFI0jTaymYqqv\\AHO2e4TDyXiJ8R2jgGB4fgNC2kwunbDFtcu1z16XLvU3Js8+WVyu9bMrLR6U6MYZpLSpDiUN3t5uZi2fH5l\\wXUSyVvDO4dnWOIcDla2Rex2KU8ke5KhjmKntbe\\5GOR3nET5ibCeByXjWuxbFI0jTaylYqqv\\c7Z7hMDLiPEdp4DgtBgVC2kwynbDCmtba1cvS5d6m5NnnyyuV3rYlZaLSrRbDNJaZI8RhXjGJ\\DmjWz2eZejyLqJZK3hncOzrGv4HK5sq9j8UppI76uPY5jk910McjvOInzFjCeByTjWuxfE2cWi646Vi3X\\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\\zAmwDG58RrZ4JKbLlVXrrssTdjWuauu62VfMBlj+M1OGon8CKJjn9rNLJZiomtUXVqVUvYDY4VWTVtM2aalWnR6I5rXPRy2XptsAugVsTquQ4dU1WTPxMbpMt7Xsl7XA09TjGKU2HvrZMLp+JZHxi2q7ra1\\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\\WiO+tdc2u6gW6nCGz48kzaO0UbHufJI7Mkr3JZERqqtkTWu7cBb0bwxmH4VAiwMhq3xN49URLq5E321bQLmFpVJQxJiDmvqdeZzUREXWttSeSwGON08lXg9bTwoiyywuY1FW2tUsgGor6TGqjA5qNIqG74OLskjr7Lb0sBZx7Dpq2ipIWRpKjHXkjc\\K1bMVNa7dtrAaCnwOtdOksdPVU8rFRzXuna3Ki5c7bpdVVbKl9lkTZcDZaR0OIVuKQvp4ldSU\\Fvc1Ho10i5lVci9KIibbbQK2CUNVT4tTvdSztja+VVcsaNWz1VbOXOt0S+5ALdbg0tfpFyl8LW0katzsmXO2oVEVEVG\\Vsirt37gJ9F8MZSpVVD6BlNLJUSOjRWtzNjW1k1bE1bAN+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8AeLDvVo+ohFXwAAAAAAAAAAAAAAAAAAAAAAAAAAAAAAAAAAAAAAAAAAAAAAAAAAAA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\\fSVV+rQdVSxK65AjqOaX2ARQgXYtwFhoGYAAAAAAAAAAAAAAAAAAAAK9TsaBABjLzUnor8gPcGj\\eLDvVo+ohFY6Q965PO35oBxuiyo2oe5jHqyPMiPS6Xug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VyN\\gOaxjM8SOVGpZL3UDc6K81UeknyA3gHljh++kqr9Wg6qliV1yBHUc0vsAihAuxbgLDQMwAAAAAAAAAAAAAAAAAAAAV6nY0CADGXmpPRX5Ae4NH+8WHerR9RCKx0h71yedvzQDjdJzNZ91\\mQCsAAAAAAAAAAAAAAAAAAAAAAAAAAAAAAAAAAAAAAAAAAAAAAAAAAAAAAAAAAAAAAAAAAAAAAAAAAAAABZrObpPuU+agbnRXmqj0k+QG8A8scP30lVfq0HVUsSuuQI6jml9gEUIF2LcBYaBmAAAAAAAAAAAAAAAAAAAACvU7GgQAYy81J6K\\ID3Bo\\3iw71aPqIRWOkPeuTzt+aAcbo+ZrPuf8yAVgAAAAAAAAAAAAAAAAAAAAAAAAAAAAAAAAAAAAAAAAAAAAAAAAAAAAAAAAAAAAAAAAAAAAAAAAAAAAALNZzdJ9ynzUDc6K81UeknyA3gHljh++kqr9Wg6qliV1yBHUc0vsAihAuxbgLDQMwAAAAAAAAAAAAAAAAAAAAV6nY0CADGXmpPRX5Ae4NH+8WHerR9RCKx0h71yedvzQDjdHzNZ9z\\AJkArAAAAAAAAAAAAAAAAAAAAAAAAAAAAAAAAAAAAAAAAAAAAAAAAAAAAAAAAAAAAAAAAAAAAAAAAAAAAAAWazm6T7lPmoG50V5qo9JPkBvAPLHD99JVX6tB1VLErrkCOo5pfYBFCBdi3AWGgZgAAAAAAAAAAAAAAAAAAAAr1OxoEAGMvNSeivyA9waP94sO9Wj6iEVjpD3rk87fmgHG6Pmaz7n\\AD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AHiw71aPqIRWOkPeuTzt+aAcbo+ZrPuf8yAVgAAAAAAAAAAAAAAAAAAAAAAAAAAAAAAAAAAAAAAAAAAAAAAAAAAAAAAAAAAAAAAAAAAAAAAAAAAAAALNZzdJ9ynzUDc6K81UeknyA3gHljh++kqr9Wg6qliV1yBHUc0vsAihAuxbgLDQMwAAAAAAAAAAAAAAAAAAAAV6nY0CADGXmpPRX5Ae4NH+8WHerR9RCKx0h71yedvzQDjdHzNZ9z\\mQCsAAAAAAAAAAAAAAAAAAAAAAAAAAAAAAAAAAAAAAAAAAAAAAAAAAAAAAAAAAAAAAAAAAAAAAAAAAAAABZrObpPuU+agbnRXmqj0k+QG8A8scP30lVfq0HVUsSuuQI6jml9gEUIF2LcBYaBmAAAAAAAAAAAAAAAAAAAACvU7GgQAYy81J6K\\ID3Bo\\3iw71aPqIRWOkPeuTzt+aAcbo+ZrPuf8yAVgAAAAAAAAAAAAAAAAAAAAAAAAAAAAAAAAAAAAAAAAAAAAAAAAAAAAAAAAAAAAAAAAAAAAAAAAAAAAALNZzdJ9ynzUDc6K81UeknyA3gHljh++kqr9Wg6qliV1yBHUc0vsAihAuxbgLDQMwAAAAAAAAAAAAAAAAAAAAV6nY0CADGXmpPRX5Ae4NH+8WHerR9RCKx0h71yedvzQDjdHzNZ9z\\AJkArAAAAAAAAAAAAAAAAAAAAAAAAAAAAAAAAAAAAAAAAAAAAAAAAAAAAAAAAAAAAAAAAAAAAAAAAAAAAAAWazm6T7lPmoG50V5qo9JPkBvAPLHD99JVX6tB1VLErrkCOo5pfYBFCBdi3AWGgZgAAAAAAAAAAAAAAAAAAAAr1OxoEAGMvNSeivyA9waP94sO9Wj6iEVjpD3rk87fmgHG6Pmaz7n\\AD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AHiw71aPqIRWOkPeuTzt+aAcbo+ZrPuf8yAVgAAAAAAAAAAAAAAAAAAAAAAAAAAAAAAAAAAAAAAAAAAAAAAAAAAAAAAAAAAAAAAAAAAAAAAAAAAAAALNZzdJ9ynzUDc6K81UeknyA3gHljh++kqr9Wg6qliV1yBHUc0vsAihAuxbgLDQMwAAAAAAAAAAAAAAAAAAAAV6nY0CADGXmpPRX5Ae4NH+8WHerR9RCKx0h71yedvzQDjdHzNZ9z\\mQCsAAAAAAAAAAAAAAAAAAAAAAAAAAAAAAAAAAAAAAAAAAAAAAAAAAAAAAAAAAAAAAAAAAAAAAAAAAAAABZrObpPuU+agbnRXmqj0k+QG8A8scP30lVfq0HVUsSuuQI6jml9gEUIF2LcBYaBmAAAAAAAAAAAAAAAAAAAACvU7GgQAYy81J6K\\ID3Bo\\3iw71aPqIRWOkPeuTzt+aAcbo+ZrPuf8yAVgAAAAAAAAAAAAAAAAAAAAAAAAAAAAAAAAAAAAAAAAAAAAAAAAAAAAAAAAAAAAAAAAAAAAAAAAAAAAALNZzdJ9ynzUDc6K81UeknyA3gHljh++kqr9Wg6qliV1yBHUc0vsAihAuxbgLDQMwAAAAAAAAAAAAAAAAAAAAV6nY0CADGXmpPRX5Ae4NH+8WHerR9RCKx0h71yedvzQDjdHzNZ9z\\AJkArAAAAAAAAAAAAAAAAAAAAAAAAAAAAAAAAAAAAAAAAAAAAAAAAAAAAAAAAAAAAAAAAAAAAAAAAAAAAAAWazm6T7lPmoG50V5qo9JPkBvAPLHD99JVX6tB1VLErrkCOo5pfYBFCBdi3AWGgZgAAAAAAAAAAAAAAAAAAAAr1OxoEAGMvNSeivyA9waP94sO9Wj6iEVjpD3rk87fmgHG6Pmaz7n\\AD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AHiw71aPqIRWOkPeuTzt+aAcbpOZrPuv8yAVgAAAAAAAAAAAAAAAAAAAAAAAAAAAAAAAAAAAAAAAAAAAAAAAAAAAAAAAAAAAAAAAAAAAAAAAAAAAAALNZ3FL9ynzUDc6K81UeknyA3gHljh++kqr9Wg6qliV1yBHUc0vsAihAuxbgLDQMwAAAAAAAAAAAAAAAAAAAAV6nY0CADGXmpPRX5Ae4NH+8WHerR9RCKx0h71yedvzQDi9POsCvs1jke3KqPS6WvcCT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crTxam+D+YDlaeLU3wfzAjqJlnc1VaxqNblRGJZEQDe6K81UeknyA3gHljh++kqr9Wg6qliV1yBHUc0vsAihAuxbgLDQMwAAAAAAAAAAAAAAAAAAAAV6nY0CADGXmpPRX5Ae4NH+8WHerR9RCKs1dOyqgdFLfKqoupbLqAodgaT\\6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DsDSdMvxgOwNJ0y\\GA7A0nTL8YFuhoYqJr0hzWct1zLcC0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fHORqKqqiImtVUDrnSfhVw3DZ30+FQriMzVssiOyxIvkXa72avKYubvhoW9+jireGLGONu7DqBY\\spnRfff\\AnPXX6fHy5lonwnYXjU7KWtYuH1b1s1JHZo3r0I7cvnRDUy3cc9G49Z1c\\NOL45yNarnKiNRLqq7gOt9JuFfDsPmfT4TAuIytWyy5skSL5F1q72avKYuezvhoW9b0cXbwxYukt3Ydh6x\\ZTOi++\\8AgTnrp9Pj5c00S4TMLxydlLVsXD6x+prZHXY9ehHdPkWxqZyuWejces6ue3NOIq2A690q4UcLwieSmw+NcRqmLZysdljavRm139iGbns7YaFy63o4gvDFjHG3TDsP4v7Pb399\\wDAzz12+nx8uW6LcKeGYrPHTYnEuHVD1s1znZonL6Wq3tT2lme7lnoWdZ1diIt0ubcGMj2xsc+RzWsal1c5bIidKgda6ScLOH0Mz4MHpnV72rZZldkiv5N7jFz8PRhoW9a41HwxYukt5MOoHR\\Zar0X33X5E563eHx8ucaIcJGFY\\Mylna6grX6mxyuRWPXoa7p8i2NTKVyz0bj1c5NOIAAAAAAAAAAAAAAAAAAAAAAAAAAAAAA8scP30lVfq0HVUsSuuQI6jml9gEUIF2LcBYaBmAAAAAAAAAAAAAAAAAAAACvU7GgQAYy81J6K\\ID3Bo\\3iw71aPqIRV8AAAAAAAAAAAAAAAAAAAAAAAAAAAAAoHVPDZpPLSxRYHRSKx87OMqXNXXk3M9uu\\k85jO\\D0aGG\\4q6bpYH1VVDTxZUfK9I25lsl1WyXXchzeq3bq5hi2gUuC4PU1eL4vh9PUsbeKla\\M6Vfs31a\\YauO0cprc12kcKMuzvngb0nlxfCpcNrpFfV0SJke5bq+JdSX8qLq9x0xu7x62HLd41XDbpPLAkeA0UisWVnGVTmrryr3LPbtX2DK\\DWhhv8AirqfC8Oq8Vq0psPhWadWuejEVE1Il1XX5DnJu9OVmM3rk37hYhTrNHicjKeZaKSsgRipI2TJbMxypsWyouq6GuVy9aXs0GN4V2MdSOZVU9ZT1UKTxTQKtlS9lRUXWioqWsSzZ0xy3d08D2k8uNYRLQV0ivrKKyI9y3WSNdir5U2e43jd3k18OW7z5V+GfSeXC8PiwmhkVlTWNV0r2rZWxbLJ0Zl1eZFGV26LoYc15q6L3HN7HOm6CK3RimnqamOmxyrfnp6WeVI2vi6NaanrtTX5DXL0cfV\\F07OLYtgmJ4S\\JiVDUU\\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\\uxrKRx0rlZtK65x6bDKiuSTBaSekplY28Usmez99l6Nhm\\Z3xlk\\E5VwLSyR6bsay+WSmlR\\mREVPzQuHdz1\\a1fCdI+XTzGFkvdsqMTzI1LEy7taU\\BG94JY3tixWop6COqmvHDI+SZI2xwOur997rayWQ1ixrfHVy2jr8LpcZq6GGnja\\BsP5KlZVTLxEebKmR6b7uWyr\\ZUrlZbN\\Lq3TqPFItIp0xuKCOqyttydiNiczcrbbvz6TGW+\\V6dOzl\\C5BwIyyM00cxl8j6WRH+xWqn5lw7uevPwq\\DJI+TTyqa++WOGJrPNlv81UZd2tD2NFo7V4fhjn4hWR8rq4V\\2akc1eLV3hJF3on2U2rt1EnRrOXLpHctHSMxbDWJib6mvo8Rp4qypgmzyIxVZmsxWtRGbEsl9fQdO7y28t6fDp5NJ8RpqTEMMpp5HYVUZ40pqr+Jxbb6rX2OTV7dxz3enkl2vy2fBDI+PT7DkZse2VjvRyKvzRC4901vZWv4QpXy6b406W+ZKlzUv0JZE\\JEJl3a0vZFLB9H8UxlmfDKVZmpKkCuRyNRr1S6It11at4k3XLOY93cc8VdBU0FUygw2PG6jDnMfXzVLnXexERyNyoqItu2vbdY28ssu8+HXmMaHRU+ilRjrcep6+Vs6MdxaKrJHKtlRHLrc6636NSmbOm7tjqb5cuzZ8BMj26V1cbebfRuV3nR7bfNRh3TiPa73OrxgAAAAAAAAAAAAAAAAAAAAAAAAAAAAHljh++kqr9Wg6qliV1yBHUc0vsAihAuxbgLDQMwAAAAAAAAAAAAAAAAAAAAV6nY0CADGXmpPRX5Ae4NH+8WHerR9RCKvgAAAAAAAAAAAAAAAAAAAAAAAAAAAAAOj+HHA5KfGYcYjaq09UxIpFRO5kbsv50+Rzzny9ehlvOVxTRCngpZlxzEk\\2CgdmYxdtROmtkbenXZV6ETymZ5dM7v+GfLcaF6YwsnrsP0pY2qwrEpVklVyXSKRy3V3m82tLIpZl5Z1NP5x7xS000ewTDZ5n4Lj9JUsRMyUrnK6RL7muRLO9tlFk+F088r7o5hwFYG9r6zGpm2Y5vJ4Lp3Wu7lT3InvLhPlz4jL+VquG\\A5KTHo8Wjaq01Y1GPciamyNS1valvcoznXddDLecrjmDSO0fwen0ggfxtRJUS07IVXtGK1iOa9yfWsq3Rq6roimZ06umX47yt02ihbj0GjuIVqLQ1MPLaqbMjHvndEr0zO+sjV2J5S\\OzG\\TnjQ1ktBX6IQTTVD+zNHMlMjXyq7jYFRVRURdmXZq1E+G5LMvs5\\wE4HJGysxqdqtZKnJ4Lp3SIt3O99k9im8J8uPEZfyq\\DrgkjaqkxqFirE5iU8yp9VUVVaq+e6p7EJnPleHz\\ldSrsMPS7grMUfo\\g2F4hVojqebDqaCBjZ3JM68aZ1j12isi3V1lVVsh0326vLy81snl13pXTYPBVU8uj9XNUU1RFxjmT85C663a4xdvh3wuV9znHAZgckuJVOMysVIIWLBEq\\Wets1vMnzNYT5cuIy6crX8NOByUOkvZJjV5NXNRcybEkallT2oiL7yZzquhlvjt4a7gwnilxmowWuVy0OKwuhe1H5e3TW1UXcupU9ox8Nas2nNPhsqDSuirdLdGWxQOw7DsPz0yrNPnRWOaqXdqS19\\sG\\WM3TsxvmtFpVpLDimHUuF0OHRUNFRzPfG2GRVRyLquqLv338pLfhvDC43e12FwF4HJT0NXjE7Fbyq0UN97Grrd7V1ew3hPlw4jLe8rtU284AAAAAAAAAAAAAAAAAAAAAAAAAAAAB5Y4fvpKq\\VoOqpYldcgR1HNL7AIoQLsW4Cw0DMAAAAAAAAAAAAAAAAAAAAFep2NAgAxl5qT0V+QHuDR\\vFh3q0fUQir4AAAAAAAAAAAAAAAAAAAAAAAAAAAAACpi2HUuLUE1FXxNlp5Us5q\\NOhfKS9VluN3jpHSjgtxahlc\\Bl7IUd1VrMyNlZ5FRdS+dPcc7jfh68NfG+5xVNEtIXS8WmCYhm2a4HInv2E2rp6mPlzLRPgpr6qZk2kCpR0qLdYGORZH+RVTU381NTDy5Z68ntd1UVLBRUkVNSxNigiajGMYlkaibjo8tu\\WocYwukxjDpqLEIklp5Us5q7uhUXcqdIs3Mcrjd46R0m4LMXw+Z78IRMQpL3aiKjZWp0Ki6l86e45XC\\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\\fSVV+rQdVSxK65AjqOaX2ARQgXYtwFhoGYAAAAAAAAAAAAAAAAAAAAK9TsaBABjLzUnor8gPcGj\\AHiw71aPqIRV8AAAAAAAAAAAAAGmxDSKjoOUJUJM2SHNdqxql0RqrdF2WW1r9IF+hrY6yJ8kTXojHZVu3atkVbLvTXa4GtfpNQtdEy0ySSPaxWvYrFaqqqKi33pZboBsmV0K0LKt\\GRxPRFTOxUcl9l02gayPSjD38XZ0iZ5nQ62rqVL6\\NqA2VRiNLT0rKmaXLC9Ua12VVuq7Eta4FKn0jw+eR7EfK1UdlbmidZ+zWlk2a7AT4pi0GHPYyVFe9yXytexFRP+5yf+0Ar4Vj8GJTxsiicxkjVcxz5Y7r5MqOV35AbkABqcQ0gw6jgmetTFI+Ncqxseiuveyp7ALFFicFZSSVFPmekeZFY3W66X2InTbV5wKD9KKBHxNasqq\\XrYrVSzVcupdaqlrW6VQDZ1FayCg5XIyXi8rXK1GXc1FttTbqvrAozY9CysSmbTVL5XXVLI1EVEVLrdXWtrQC5iGJU1A2Jahz\\wCK7KxGMV6uW19iJ0AQU+N0c9VFTt49kst8iSQPYjrJddap0AbMABpsQ0ioqBJ0nSZJIc12rGqXs1XXRdlltZF6QL9BWsrYnyRNejWuyqrksirZNi7012uBrZNJaJixNtMkj3tYrHsyK1Vdlst96a18wG0p6uOejbVdvHErc\\8AEblVE6VRdgGs\\eKlbDTTSRTtjnidMi5bq1jVRLqia7Wci+YC9iOIw0EDZpWvcx17KxEXdfp6EUDWt0oolrW06o9l1aiucqJbM1XJq29HvQDfoAA02K6Q0mGyStla+Ti25nrG5i29iuRb+wCfCsVZiD5Gtj4tzERURZY3qqdNmuW3tApfvRSuZKkMFS+ZrmtZFlRFkurtbdeztXL7ANnTYhDVUHK6ZHyxKiuajWLmd5kApvx+GOeKF9JXJNLdWMWBbutt3gWpsSjgw\\lc0csbL2yPRGu\\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\\KKDD0ouMqpJZ0kj4l1lcjUVVVHJs3a\\KBxbAGYnHiGGveyeWGJkl2smciydumZWoq21Krb7EWwG\\03Y5KnD1V6OilerHRPjRzVs1XJ0KuvdewFLQ+ka3GntifxbIoWvVscaNSRVVU7a99flSwHMKWrfLXVdO6BzGwZcsiuRUkul\\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\\sdWTaSM5bVvZWVFDKueBVRsCo9mVG+RN99oF7SFlbJoyxKxGcpR7eNbEiua9EXduS+3ttSbwOI4bnhjZ28lGiRcsY1YuMR7mpZq3+yqOXzdIHM8ZfFUYbQJUNqpZ5FbJFFTas70RF17kRF169QFLR2nmkxmvdUV8ss0aRo\\i33a1bu\\hqttdtXvA5EyreuKvpFgckbYkkSbMllVVtltuAtgddY21kOKKsMckcDZnOkjdldK563XMjUa52S99vSmqyAcj0USBaOWogWN9ZI1OMjbI1ctr5WrlRERdu73ga6qoa2fSDC5cSmcyWobPGkcDlRsDeL1WXe6+1QNvUw4g\\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mOSPiw2R8T3Meit1tWy7UA4z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By+r8Zm+JQHL6vxmb4lAcvq\\GZviUDe6NzyzxzrNI+RUclsy3tqA3AHljh++kqr9Wg6qliV1yBHUc0vsAihAuxbgLDQMwAAAAAAAAAAAAAAAAAAAAV6nY0CADGXmpPRX5Ae4NH+8WHerR9RCKx0h71yedvzQDjlCqNbUvVjHKyO6I5t0vdAPn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V1l5O9GMar4kcqNSyXuoG50V5qo9JPkBvAPLHD99JVX6tB1VLErrkCOo5pfYBFCBdi3AWGgZgAAAAAAAAAAAAAAAAAAAAr1OxoEAGMvNSeivyA9waP8A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8AmQCsAAAAAAAAAAAAAAAAAAAAAAAAAAAAAAAAAAAAAAAAAAAAAAAAAAAAAAAAAAAAAAAAAAAAAAAAAAAAABZrObpPuU+agbnRXmqj0k+QG8A8scP30lVfq0HVUsSuuQI6jml9gEUIF2LcBYaBmAAAAAAAAAAAAAAAAAAAACvU7GgQAYy81J6K\\ID3Bo\\3iw71aPqIRWOkPeuTzt+aAcbo+ZrPuf8A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94sO9Wj6iEVjpD3rk87fmgHG6Pmaz7n\\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8A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8AmQCsAAAAAAAAAAAAAAAAAAAAAAAAAAAAAAAAAAAAAAAAAAAAAAAAAAAAAAAAAAAAAAAAAAAAAAAAAAAAABZrObpPuU+agbnRXmqj0k+QG8A8scP30lVfq0HVUsSuuQI6jml9gEUIF2LcBYaBmAAAAAAAAAAAAAAAAAAAACvU7GgQAYy81J6K\\ID3Bo\\3iw71aPqIRWOkPeuTzt+aAcbo+ZrPuf8A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94sO9Wj6iEVjpD3rk87fmgHG6Pmaz7n\\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8A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8AmQCsAAAAAAAAAAAAAAAAAAAAAAAAAAAAAAAAAAAAAAAAAAAAAAAAAAAAAAAAAAAAAAAAAAAAAAAAAAAAABZrObpPuU+agbnRXmqj0k+QG8A8scP30lVfq0HVUsSuuQI6jml9gEUIF2LcBYaBmAAAAAAAAAAAAAAAAAAAACvU7GgQAYy81J6K\\ID3Bo\\3iw71aPqIRWOkPeuTzt+aAcbo+ZrPuf8A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94sO9Wj6iEVjpD3rk87fmgHG6Pmaz7n\\MgFYAAAAAAAAAAAAAAAAAAAAAAAAAAAAAAAAAAAAAAAAAAAAAAAAAAAAAAAAAAAAAAAAAAAAAAAAAAAAACzWc3Sfcp81A3OivNVHpJ8gN4B5Y4fvpKq\\VoOqpYldcgR1HNL7AIoQLsW4Cw0DMAAAAAAAAAAAAAAAAAAAAFep2NAgAxl5qT0V+QHuDR\\vFh3q0fUQisdIe9cnnb80A43SczWfdf5kArAAAAAAAAAAAAAAAAAAAAAAAAAAAAAAAAAAAAAAAAAAAAAAAAAAAAAAAAAAAAAAAAAAAAAAAAAAAAAAWazm6T7lPmoG50V5qo9JPkBvAPLHD99JVX6tB1VLErrkCOo5pfYBFCBdi3AWGgZgAAAAAAAAAAAAAAAAAAAAr1OxoEAGMvNSeivyA9waP8AeLDvVo+ohFY6Q965PO35oBxeCd0CuViMXMmVUc26KgEn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csd4Gm\\CQByx3gab8JAHLHeBpvwkAiqJnTuar0amVuVEalkRAN9orzVR6SfIDeAeWOH76Sqv1aDqqWJXXIEdRzS+wCKEC7FuAsNAzAAAAAAAAAAAAAAAAAAAABXqdjQIAMZeak9FfkB7g0f7xYd6tH1EIq1VU8dVAsUqKrFsq2W2wCj2Dovsv+NQHYOi+y\\wCNQHYOi+y\\41Adg6L7L\\jUB2Dovsv+NQHYOi+y\\wCNQHYOi+y\\41Adg6L7L\\jUB2Dovsv+NQHYOi+y\\wCNQHYOi+y\\41Adg6L7L\\jUB2Dovsv+NQHYOi+y\\wCNQHYOi+y\\41Adg6L7L\\jUB2Dovsv+NQHYOi+y\\wCNQHYOi+y\\41Adg6L7L\\jUB2Dovsv+NQHYOi+y\\wCNQHYOi+y\\41Adg6L7L\\jUB2Dovsv+NQHYOi+y\\wCNQHYOi+y\\41Adg6L7L\\jUB2Dovsv+NQHYOi+y\\wCNQHYOi+y\\41Adg6L7L\\jUB2Dovsv+NQHYOi+y\\wCNQHYOi+y\\41Adg6L7L\\jUB2Dovsv+NQHYOi+y\\wCNQHYOi+y\\41Adg6L7L\\jUB2Dovsv+NQHYOi+y\\wCNQHYOi+y\\41Adg6L7L\\jUB2Dovsv+NQHYOi+y\\wCNQHYOi+y\\41Adg6L7L\\jUB2Dovsv+NQHYOi+y\\wCNQHYOi+y\\41Adg6L7L\\jUB2Dovsv+NQHYOi+y\\wCNQHYOi+y\\41Adg6L7L\\jUB2Dovsv+NQHYOi+y\\wCNQHYOi+y\\41Adg6L7L\\jUB2Dovsv+NQHYOi+y\\wCNQHYOi+y\\41Adg6L7L\\jUB2Dovsv+NQHYOi+y\\wCNQHYOi+y\\41Adg6L7L\\jUB2Dovsv+NQLVFRQ0bXpAjkRy3W63AsgeWOH76Sqv1aDqqWJXXIEdRzS+wCKEC7FuAsNAzAAAAAAAAAAAAAAAAAAAABXqdjQIAMZeak9FfkB7g0f7xYd6tH1EIq+AAAAAAAAAAAAAAAAAAAAAAAAAAAAAAAAAAAAAAAAAAAAAAAAAAAAAAAAAAAAAAAAAAAAAAAAAAAAAAAAAAADyxw\\fSVV+rQdVSxK65AjqOaX2ARQgXYtwFhoGYAAAAAAAAAAAAAAAAAAAAK9TsaBABjLzUnor8gPcGj\\eLDvVo+ohFXwAAAAAAAAAAAAAAAAAAAAAAAAAAAAAAAAAAAMZHtjY573I1jUurlWyInSoHWOk3C1R0cz4MEpuXOatlne7LHfyb18+oxc\\D0YaFvucXZwu48kuZ1Lhzo\\s8W9F9+b\\AAJz10+nxc10S4UMOxeaOlxKLsfVPWzXOdmievRm3e33lmUrlnoXHrOrsM24CqiJddgHW+lfCph+GTvpsIh7ITsWzpM2WJF8+13s1eUxc474aFvWuHrwu49xubkuHcXfueLd883+BOeuv0+Llui3CvQYhOynxmDkEr1skqOzRKvlXa326izPy556FnXF2U1yOaitVFRdaKht530AAAAAAAAAAAAAAAAAAAAAAAAAAAAAAAAAAADyxw\\fSVV+rQdVSxK65AjqOaX2ARQgXYtwFhoGYAAAAAAAAAAAAAAAAAAAAK9TsaBABjLzUnor8gPcGj\\eLDvVo+ohFXwAAAAAAAAAAAAAAAAAAAAAAAAAAAAAAAAAAAOoeG7SWSN0eA0cita5qS1StXai9yzzb19hzzvw9Ohh\\NXU1BSvrauOnjfDG5\\1ppEjYnlVV2GHpt2m7l2O6G0uH6OUdZR4ouIVtQuZkdPA58crb2XIqJfVvuauO0csdW3LazZxOvw6sw90ba+knplkbmYk0atzJ0pczs6zKXs7u4GtJpMWwmXDa2RX1VEiZHuW6viXUl\\Mur3HTG79Hk18OW7xX4a9JpcPoYcHo5FZNVtV8zmrZUiva3\\ct\\YijO\\C6GG95q6pwLRjFcbYklDTpyfPxazyPayNHatV13601GJN3oyzxx7tzgWgVXiGI4tRVlTHRS0DmRq9Uzsc9y6m3TpTX7SzFnLVkks+Wh0owqPBccqsOiq2ViQKjVlYlkvbWip0psM2bN4Zc03dq8CWk0tXTzYHWSK99OzjKdzl18Xeyt9iqlvIp0wvw82vht+KO1TbzgAAAAAAAAAAAAAAAAAAAAAAAAAAAAAAAAAAPLHD99JVX6tB1VLErrkCOo5pfYBFCBdi3AWGgZgAAAAAAAAAAAAAAAAAAAAr1OxoEAGMvNSeivyA9waP94sO9Wj6iEVfAAAAAAAAAAAAAAAAAAAAAAAAAAAAAAAAAAAXYB5o4TXySaeYwst7tlRrb\\ZRrbHHLu9+l7I22h2IpXpS4dR4XglLJE1vG1k8KTTSL\\8ATYvdPW2xN\\QWMZ47dba7JxKWqrsOw6KlosVp0SN8j2U9XHTzsRFsmZmxyuTXbVa5twm0tdP6ZVNFVR0MlBjmJYm3+Jnhr1VZIFuns1+ToOderCWb7zZueBF8jdNFay+R9LIj\\YrbfmXDuzr+1W4ZHvfp5Vo++VkUSM82W\\zVRl3XQ9jZcHdK6r0YkY+kZVsTFoHxtkqeJbGqMW7771T7O9bFx7Mat2y7\\DlFDU1cdPjM+E00DquPGalznV86ti7VFu9qIn1W6ta6tpXOybzfw674R4aumxmnhrpcOlfydsjVooOKaiO12VNqr0Ku5TGXd30rLN4l4InvZp\\hyMvZzZWu82RV+aIXHua3sr0ah1eEAAAAAAAAAAAAAAAAAAAAAAAAAAAAAAAAAAB5Y4fvpKq\\VoOqpYldcgR1HNL7AIoQLsW4Cw0DMAAAAAAAAAAAAAAAAAAAAFep2NAgAxl5qT0V+QHuDR\\vFh3q0fUQir4AAAAAAAAAAAAAAAAAAAAAAAAAAAAAAAAAAAHRvDfgUlNjUWMRMVaeqakcioncyNSyX86fJTnnPl6+Hy3nK4DgEroMdw6WOWOF7KiNySSLZrLOTWq7kMR3z6yu5kxHDeVY9iFFiWGPjoqeaRI6Slst3pZHPlXulVdVk1fkdN3k5b0ljopL2TNt3+c5vY7l4C8Ckhgq8aqGq1Jk4iC+9qLdzvNeyexTphPl5eIy\\lVuHXApOPpMbgYqx5Up51T6q3u1V96p7iZz5Xh8v5XHdHazD6ePRTDqmTjGyVy1tRxb0TinKqMjRVsutLXVPKSfDeUt5q5LjGk2HYPpk\\DY6hY6NEquUVLGZ8lRO7Mrsu9G2RLectu12c5hcsd3DNL6emqGS4pNpLS4picsiNdFDC5qZLWRU6LW2Gb53dcLZ022jlfAZgUj66pxuZipDGxYIVX6zltmVPMiW9prCfLnxGfTld0HR5QAAAAAAAAAAAAAAAAAAAAAAAAAAAAAAAAAAHljh++kqr9Wg6qliV1yBHUc0vsAihAuxbgLDQMwAAAAAAAAAAAAAAAAAAAAV6nY0CADGXmpPRX5Ae4NH+8WHerR9RCKvgAAAAAAAAAAAAAAAAAAAAAAAAAAAAAAAAAAAVMVw6lxSgmo6+Fs1PKlnMd\\71L5SbbrLZd46V0m4KMUo5nyYG5tdSqt2xucjJWp0a9TvP8AkYuHh6sNeXv0cYj0N0nV7oWYPXtzal7WzV863sZ5a6eph5cz0T4J6mSdk+kj2wwN18mifme\\yOcmpE81zUw8uWevO2LuWngipoI4YGNjhjajWMalkaibERDo8vdjW0sFbSy01XE2WCVqsex6XRyLuCy7dY6exzgyxTCcSTENE5myoxVdHFIqJJEvkVdS23LqVDncdusenHWmU2zcJdoZpMsytdg1cr1XW5WXRV6bmeWu3qYeXLNF+CfEKmZkuPvbSUyLdYY3I6R\\kumpv5qamHlyz15Pa7pw+jp8Po4qWjibDTxNysY3YiHSPLbbd6sBAAAAAAAAAAAAAAAAAAAAAAAAAAAAAAAAAAAHljh++kqr9Wg6qliV1yBHUc0vsAihAuxbgLDQMwAAAAAAAAAAAAAAAAAAAAV6nY0CADGXmpPRX5Ae4NH+8WHerR9RCKvgAAAAAAAAAAAAAAAAADXYnjFJhs8EVU9WrLdbol0Yib3dCKtkTyqBjBjdHNibqFjv46ZvrNtqt5fL+S9AEWJaQUeHvkbKj38WqI5Y1YtvZmuBZwzEo69JMrFjcxe5dIxyqnT2rlArzaQ0MLpEk45MsjokVsauzq1LuVES62Sy6\\IoE0WMUkmHzVrXSJBEtn3jcjkXV9W196AQTaR4fHRPqElV2S941arX3RbWsvlA2NDVMraSOoiRyMkS6I5LKnnQCcCniOJ0uHcVyp7mrKqoxGsc9VVEuupEUCCkxyhqqqOmifKk0iKrWvhey9kuu1EAmrMVo6OdIaidGyq1H5Uaqra9r6k8igVsGx2lxV7mQMmY5G5v4jFRFTyLs1ARx6R0klbLSRxVTp4u7Y2O6p7l1+wC7RYjHV0b6pkczIW3VFkbbMibVRANf+89GsLZGR1Krns5ix2cxqNRyvVPsojkW\\lA2UldG2jjqWRTyxyWVqRxKrrLvttApy47BCjVlpa9mZyMbemdrcuxALVXiVPR0cdTVLJHHIqNRFjVXXXYmVNdwK8OP0Es8ULXzNfK7IzPA9iKvRdUsBtQAGqrsapqOeeOSKd6wtY6R0cd0bm1J8gLNDXx1kk8bI5Y5IVRHtkbZUul0\\ICrDpDhsskzW1DUSLa5dipquqeRFciLcC\\RVMdZTtmivkVXIl9upVT\\AD4lXGuILR2dxqRJLfda9vfqAyramOjpJama\\FxNVzsqXWyAUExuJJoY5aSuh416RtdJDZuZdiXuBtQAGsxDGqWgqeImSRX5EfqRLWVVRNaqnQoGeHYrBiEj207X9ql1VbWT3KoGGIYzTUTpGvSRzonxsejWqts66l8vsAtU1bDU075oVesbb3VzHNXV5FRANY3SOB7EkZS1To1WNrVRG3VX9zqzXS902gXYcUp5cMSu7ZkS31Ps1botra1ttTpA1\\70UqzOijhlc9tldd8TURF33V\\yA3zXI5qOaqK1UuipvA+gAAAAAAAAAAAAAAAAAAB5Y4fvpKq\\VoOqpYldcgR1HNL7AIoQLsW4Cw0DMAAAAAAAAAAAAAAAAAAAAFep2NAgAxl5qT0V+QHuDR\\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\\kBrsRjp1xirp2RUzJIqhJFdLM5udrWoqN23uqquvcgHItEFiqaSsmbGrEfM+LLxjnWamxLqq69a60A4ZRR5ZKOSJitVGysWRjW3S10at139Cr7AOX07Fk0DidE5IXNpeNRWsRyXRFXY64HE6eiY+Wje1jIpJZIm8YyNMzcy61urluq313TXq2AdoQR8VCyNXK9WtRuZbXXy6gMwAAAAAAAAAAAAAAAAAAA8scP30lVfq0HVUsSuuQI6jml9gEUIF2LcBYaBmAAAAAAAAAAAAAAAAAAAACvU7GgQAYy81J6K\\ID3Bo\\3iw71aPqIRV8AAAAAAAAAAAAAAAAAAAPiMaj1ejUzKllW2tQGVEVVREuu8AjUS9kRL61AK1FVFVEVU2L0AfFY1b9qmtbrq3gfGxMb3LGp5ksBk1jWNRGoiIm5EsB9AAAPjmo5LORFTygEajUsiIidCAGtRqWREROhAPiRsRmRGtRmzLbUB8SKNFcqMaiu26k1gZIiNSyIiJ0IAcxrnNcrUVzdiqmwD6AAAAPiIiXslrgEajb2REut9SAEY1HOVGoiu1qqJtAMa1jbMRGp0IlgGRufPlTPa2a2uwH1URbXTYBi5jXLdzWqvlQDIAB8VqLa6IttaeQAjURyqiJddq22gfbAfGsay+VqJdbrZLXXpA+MY1jUaxqNam5EsgBsbGsRjWtRiJbKiareYD6rUVERUSybgPo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9xqaSDD5JIXKx6K2yp5wOOdla7xh3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UrvGH+5P0AdlK7xh\\uT9AHZSu8Yf7k\\QB2VrvGHe5P0A3Wj1TNUxzLPIr1a5ES6Jq1AbcDyxw\\fSVV+rQdVSxK65AjqOaX2ARQgXYtwFhoGYAAAAAAAAAAAAAAAAAAAAK9TsaBABjLzUnor8gPcGj\\AHiw71aPqIRWOkPeuTzt+aAcbokZlqHvjbJkjzIjtl7oA5UzxSn9y\\qA5UzxSn9zv1AcqZ4pT+536gOVM8Up\\c79QHKmeKU\\ud+oDlTPFKf3O\\UBypnilP7nfqA5UzxSn9zv1AcqZ4pT+536gOVM8Up\\c79QHKmeKU\\ud+oDlTPFKf3O\\UBypnilP7nfqA5UzxSn9zv1AcqZ4pT+536gOVM8Up\\c79QHKmeKU\\ud+oDlTPFKf3O\\UBypnilP7nfqA5UzxSn9zv1AcqZ4pT+536gOVM8Up\\c79QHKmeKU\\ud+oDlTPFKf3O\\UBypnilP7nfqA5UzxSn9zv1AcqZ4pT+536gOVM8Up\\c79QHKmeKU\\ud+oDlTPFKf3O\\UBypnilP7nfqA5UzxSn9zv1AcqZ4pT+536gOVM8Up\\c79QHKmeKU\\ud+oDlTPFKf3O\\UBypnilP7nfqA5UzxSn9zv1AcqZ4pT+536gOVM8Up\\c79QHKmeKU\\ud+oDlTPFKf3O\\UBypnilP7nfqA5UzxSn9zv1AcqZ4pT+536gOVM8Up\\c79QHKmeKU\\ud+oDlTPFKf3O\\UBypnilP7nfqA5UzxSn9zv1AcqZ4pT+536gOVM8Up\\c79QHKmeKU\\ud+oDlTPFKf3O\\UBypnilP7nfqA5UzxSn9zv1AcqZ4pT+536gOVM8Up\\c79QHKmeKU\\ud+oDlTPFKf3O\\UBypnilP7nfqA5UzxSn9zv1AcqZ4pT+536gOVM8Up\\c79QHKmeKU\\ud+oDlTPFKf3O\\UBylnilP7l\\UBWoz+A5kbY88aOVG7L3UDc6K81UeknyA3gHljh++kqr9Wg6qliV1yBHUc0vsAihAuxbgLDQMwAAAAAAAAAAAAAAAAAAAAV6nY0CADGXmpPRX5Ae4NH+8WHerR9RCKx0h71yedvzQDjdHzNZ9z\\mQCsAAAAAAAAAAAAAAAAAAAAAAAAAAAAAAAAAAAAAAAAAAAAAAAAAAAAAAAAAAAAAAAAAAAAAAAAAAAAABZrObpPuU+agbnRXmqj0k+QG8A8scP30lVfq0HVUsSuuQI6jml9gEUIF2LcBYaBmAAAAAAAAAAAAAAAAAAAACvU7GgQAYy81J6K\\ID3Bo\\wB4sO9Wj6iEVjpD3rk87fmgHG6Pmaz7n\\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94sO9Wj6iEVjpD3rk87fmgHG6Pmaz7n\\MgFYAAAAAAAAAAAAAAAAAAAAAAAAAAAAAAAAAAAAAAAAAAAAAAAAAAAAAAAAAAAAAAAAAAAAAAAAAAAAACzWc3Sfcp81A3OivNVHpJ8gN4B5Y4fvpKq\\VoOqpYldcgR1HNL7AIoQLsW4Cw0DMAAAAAAAAAAAAAAAAAAAAFep2NAgAxl5qT0V+QHuDR\\vFh3q0fUQisdIe9cnnb80A43R8zWfc\\wCZAKwAAAAAAAAAAAAAAAAAAAAAAAAAAAAAAAAAAAAAAAAAAAAAAAAAAAAAAAAAAAAAAAAAAAAAAAAAAAAAFms5uk+5T5qBudFeaqPST5AbwDyxw\\fSVV+rQdVSxK65AjqOaX2ARQgXYtwFhoGYAAAAAAAAAAAAAAAAAAAAK9TsaBABjLzUnor8gPcGj\\eLDvVo+ohFY6Q965PO35oBxuj5ms+5\\wAyAVgAAAAAAAAAAAAAAAAAAAAAAAAAAAAAAAAAAAAAAAAAAAAAAAAAAAAAAAAAAAAAAAAAAAAAAAAAAAAALNZzdJ9ynzUDc6K81UeknyA3gHljh++kqr9Wg6qliV1yBHUc0vsAihAuxbgLDQMwAAAAAAAAAAAAAAAAAAAAV6nY0CADGXmpPRX5Ae4NH+8WHerR9RCKx0h71yedvzQDjdHzNZ9z\\mQCsAAAAAAAAAAAAAAAAAAAAAAAAAAAAAAAAAAAAAAAAAAAAAAAAAAAAAAAAAAAAAAAAAAAAAAAAAAAAABZrObpPuU+agbnRXmqj0k+QG8A8scP30lVfq0HVUsSuuQI6jml9gEUIF2LcBYaBmAAAAAAAAAAAAAAAAAAAACvU7GgQAYy81J6K\\ID3Bo\\3iw71aPqIRWOkPeuTzt+aAcbo+ZrPuf8yAVgAAAAAAAAAAAAAAAAAAAAAAAAAAAAAAAAAAAAAAAAAAAAAAAAAAAAAAAAAAAAAAAAAAAAAAAAAAAAALNZzdJ9ynzUDc6K81UeknyA3gHljh++kqr9Wg6qliV1yBHUc0vsAihAuxbgLDQMwAAAAAAAAAAAAAAAAAAAAV6nY0CADGXmpPRX5Ae4NH+8WHerR9RCKx0h71yedvzQDjdHzNZ9z\\mQCsAAAAAAAAAAAAAAAAAAAAAAAAAAAAAAAAAAAAAAAAAAAAAAAAAAAAAAAAAAAAAAAAAAAAAAAAAAAAABZrObpPuU+agbnRXmqj0k+QG8A8scP30lVfq0HVUsSuuQI6jml9gEUIF2LcBYaBmAAAAAAAAAAAAAAAAAAAACvU7GgQAYy81J6K\\ID3Bo\\wB4sO9Wj6iEVjpD3rk87fmgHG6Pmaz7n\\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94sO9Wj6iEVjpD3rk87fmgHG6Pmaz7n\\MgFYAAAAAAAAAAAAAAAAAAAAAAAAAAAAAAAAAAAAAAAAAAAAAAAAAAAAAAAAAAAAAAAAAAAAAAAAAAAAACzWc3Sfcp81A3OivNVHpJ8gN4B5Y4fvpKq\\VoOqpYldcgR1HNL7AIoQLsW4Cw0DMAAAAAAAAAAAAAAAAAAAAFep2NAgAxl5qT0V+QHuDR\\vFh3q0fUQisdIe9cnnb80A43R8zWfc\\wCZAKwAAAAAAAAAAAAAAAAAAAAAAAAAAAAAAAAAAAAAAAAAAAAAAAAAAAAAAAAAAAAAAAAAAAAAAAAAAAAAFms5uk+5T5qBudFeaqPST5AbwDyxw\\fSVV+rQdVSxK65AjqOaX2ARQgXYtwFhoGYAAAAAAAAAAAAAAAAAAAAK9TsaBABjLzUnor8gPcGj\\eLDvVo+ohFY6Q965PO35oBxuj5ms+5\\wAyAVgAAAAAAAAAAAAAAAAAAAAAAAAAAAAAAAAAAAAAAAAAAAAAAAAAAAAAAAAAAAAAAAAAAAAAAAAAAAAALNZzdJ9ynzUDc6K81UeknyA3gHljh++kqr9Wg6qliV1yBHUc0vsAihAuxbgLDQMwAAAAAAAAAAAAAAAAAAAAV6nY0CADGXmpPRX5Ae4NH+8WHerR9RCKx0h71yedvzQDjdHzNZ9z\\mQCsAAAAAAAAAAAAAAAAAAAAAAAAAAAAAAAAAAAAAAAAAAAAAAAAAAAAAAAAAAAAAAAAAAAAAAAAAAAAABZrObpPuU+agbnRXmqj0k+QG8A8scP30lVfq0HVUsSuuQI6jml9gEUIF2LcBYaBmAAAAAAAAAAAAAAAAAAAACvU7GgQAYy81J6K\\ID3Bo\\3iw71aPqIRWOkPeuTzt+aAcbo+ZrPuf8yAVgAAAAAAAAAAAAAAAAAAAAAAAAAAAAAAAAAAAAAAAAAAAAAAAAAAAAAAAAAAAAAAAAAAAAAAAAAAAAALNZzdJ9ynzUDc6K81UeknyA3gHljh++kqr9Wg6qliV1yBHUc0vsAihAuxbgLDQMwAAAAAAAAAAAAAAAAAAAAV6nY0CADGXmpPRX5Ae4NH+8WHerR9RCKx0h71yedvzQDjdHzNZ9z\\mQCsAAAAAAAAAAAAAAAAAAAAAAAAAAAAAAAAAAAAAAAAAAAAAAAAAAAAAAAAAAAAAAAAAAAAAAAAAAAAABZrObpPuU+agbnRXmqj0k+QG8A8scP30lVfq0HVUsSuuQI6jml9gEUIF2LcBYaBmAAAAAAAAAAAAAAAAAAAACvU7GgQAYy81J6K\\ID3Bo\\wB4sO9Wj6iEVjpD3rk87fmgHG6Pmaz7n\\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94sO9Wj6iEVjpD3rk87fmgHG6Pmaz7n\\MgFYAAAAAAAAAAAAAAAAAAAAAAAAAAAAAAAAAAAAAAAAAAAAAAAAAAAAAAAAAAAAAAAAAAAAAAAAAAAAACzWc3Sfcp81A3OivNVHpJ8gN4B5Y4fvpKq\\VoOqpYldcgR1HNL7AIoQLsW4Cw0DMAAAAAAAAAAAAAAAAAAAAFep2NAgAxl5qT0V+QHuDR\\vFh3q0fUQisdIe9cnnb80A43R8zWfc\\wCZAKwAAAAAAAAAAAAAAAAAAAAAAAAAAAAAAAAAAAAAAAAAAAAAAAAAAAAAAAAAAAAAAAAAAAAAAAAAAAAAFms5uk+5T5qBudFeaqPST5AbwDyxw\\fSVV+rQdVSxK65AjqOaX2ARQgXYtwFhoGYAAAAAAAAAAAAAAAAAAAAK9TsaBABjLzUnor8gPcGj\\eLDvVo+ohFY6Q965PO35oBxuj5ms+5\\wAyAVgAAAAAAAAAAAAAAAAAAAAAAAAAAAAAAAAAAAAAAAAAAAAAAAAAAAAAAAAAAAAAAAAAAAAAAAAAAAAALNZzdJ9ynzUDc6K81UeknyA3gHljh++kqr9Wg6qliV1yBHUc0vsAihAuxbgLDQMwAAAAAAAAAAAAAAAAAAAAV6nY0CADGXmpPRX5Ae4NH+8WHerR9RCKx0h71yedvzQDjdHzNZ9z\\mQCsAAAAAAAAAAAAAAAAAAAAAAAAAAAAAAAAAAAAAAAAAAAAAAAAAAAAAAAAAAAAAAAAAAAAAAAAAAAAABZrObpPuU+agbnRXmqj0k+QG8A8scP30lVfq0HVUsSuuQI6jml9gEUIF2LcBYaBmAAAAAAAAAAAAAAAAAAAACvU7GgQAYy81J6K\\ID3Bo\\3iw71aPqIRWOkPeuTzt+aAcbo+ZrPuv8yAVgAAAAAAAAAAAAAAAAAAAAAAAAAAAAAAAAAAAAAAAAAAAAAAAAAAAAAAAAAAAAAAAAAAAAAAAAAAAAALNZzdJ9ynzUDc6K81UeknyA3gHljh++kqr9Wg6qliV1yBHUc0vsAihAuxbgLDQMwAAAAAAAAAAAAAAAAAAAAV6nY0CADGXmpPRX5Ae4NH+8WHerR9RCKx0h71yedvzQDi9POsKv7Rj0e3KqOva17gScpZ4pT+536gOUs8Up\\c79QHKWeKU\\ud+oDlLPFKf3O\\UBylnilP7nfqA5SzxSn9zv1AcpZ4pT+536gOUs8Up\\c79QHKWeKU\\ud+oDlLPFKf3O\\UBylnilP7nfqA5SzxSn9zv1AcpZ4pT+536gOUs8Up\\c79QHKWeKU\\ud+oDlLPFKf3O\\UBylnilP7nfqA5SzxSn9zv1AcpZ4pT+536gOUs8Up\\c79QHKWeKU\\ud+oDlLPFKf3O\\UBylnilP7nfqA5SzxSn9zv1AcpZ4pT+536gOUs8Up\\c79QHKWeKU\\ud+oDlLPFKf3O\\UBylnilP7nfqA5SzxSn9zv1AcpZ4pT+536gOUs8Up\\c79QHKWeKU\\ud+oDlLPFKf3O\\UBylnilP7nfqA5SzxSn9zv1AcpZ4pT+536gOUs8Up\\c79QHKWeKU\\ud+oDlLPFKf3O\\UBylnilP7nfqA5SzxSn9zv1AcpZ4pT+536gOUs8Up\\c79QHKWeKU\\ud+oDlLPFKf3O\\UBylnilP7nfqA5SzxSn9zv1AcpZ4pT+536gOUs8Up\\c79QHKWeKU\\ud+oDlLPFKf3O\\UBylnilP7nfqA5SzxSn9zv1AcpZ4pT+536gOUs8Up\\c79QHKWeKU\\ud+oDlLPFKf3O\\UBylnilP7nfqA5SzxSn9zv1AcpZ4pT+536gOUs8Up\\c79QHKWeKU\\ud+oDlLPFKf3O\\UBylnilP7nfqA5SzxSn9zv1AcpZ4pT+536gR1EyzuYuRrEa3KiN2WA3uivNVHpJ8gN4B5Y4fvpKq\\VoOqpYldcgR1HNL7AIoQLsW4Cw0DMAAAAAAAAAAAAAAAAAAAAFep2NAgAxl5qT0V+QHuDR\\vFh3q0fUQirNZTMq6d0MiuRqqi9quvUoGu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HYCk+3N8SfoA7AUn25viT9ALlBQxULXpCr1R63XMtwLY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D4qoiKq6kQDr7SbhSwrC5n0+HxvxGdi2c5jssaL6W\\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\\sVqoXDu568\\Cr8Mkr5NO6lr75Y4YmM82W\\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\\DS0Lmqx1taM4xF1bdi7De7zzHft4dJ4\\SzUWN19NVNa2aOZyPRr1ciKq31Kutdu1dZzr143eSx2DwHYLJNi1RjEjVSCnYsMa\\ae7bbzJ8zeE+XHXy2nK7sOjygAAAAAAAAAAAAAAAAAAAAAAAAAAAAAAAAAAPLHD99JVX6tB1VLErrkCOo5pfYBFCBdi3AWGgZgAAAAAAAAAAAAAAAAAAAAr1OxoEAGMvNSeivyA9waP8AeLDvVo+ohFXwAAAAAAAAAAAAAAAAAAAAAAAAAAAAAAAAAAAKGN4TR41hs1DiESSQSpr3K1dyou5UJZuuOVxu8dHaS8GWNYXM92HRriNGq6liskiJ0Obv9hzuNj1462N7uMR6P40s6MjwrEONRdVqd6Ki+exnat8+PlzjRzg2xjGKqKq0nmlgp2oiZHyZ5nN+ym3KhuYW93LLVxx6Yu6KKkgoaSKmpImxU8TUYxjUsiIh02ea3e71hidBTYlQTUdbE2anmblex29CXqS2XeOkNKuC\\FcPnfLgyLiFGutrUVElanQqfW86e453Czs9WGtL3cWfhOkLoW0L8PxRYWyLI2FYXq1HrqV2y1\\KTaum+PfdyfRjgxxjE6hsuLo7D6S93Z1RZXeRE3edSzC3u55a2M7O78Jw6lwnD4aKgiSKnibla1PmvSq9J0nR5bbbvVwqAAAAAAAAAAAAAAAAAAAAAAAAAAAAAAAAAAAPLHD99JVX6tB1VLErrkCOo5pfYBFCBdi3AWGgZgAAAAAAAAAAAAAAAAAAAAr1OxoEAGMvNSeivyA9waP94sO9Wj6iEVfAAAAAAAAAAAFapr6allbHUTsje9quajltdE2296AVcNxygxGTJTTIr8rVsqWXXdbefVrAsVuJUdExzqmpijRlsyK5LpdbbNu8CaGohmvxMscltuRyLYClXY3Q0Tqhs81nQNa57US6pm2edQL0c8UkayMkY5ibXNciogFJcZoUgp5knasc6tRi7FsuxVRdaJ5QL8cjJGI+NzXsXY5q3RQIoKuKeoqII1XjIFRr0VLWul0\\IBPVwQTQxTSsjkmVWxo5bZlTcgH2KqilqZ4I33lhyo9LbLpdPyAwqa+jpXoyqq6eF6pdGySI1VTp1gKavpKp6spaqnmeiXVI5EcqJ06lAgmxrD4Z1hfVwo9GOevbpqRNvt8gE9DXU1dC2WlmZI1Wo7tVS6X2XTcBVqMcoKd8rJJ0zxythciJsc61vml+gC\\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\\I7tt+63SnlQCd+J0cdGyqlqGR071s177tRV9vmApO0nwdub\\AG1io291a1ypq260QDbuka2NXucjWImZXKtkROkCrhmJUuJxPkpJM7WOyrdFRfItl3LtRd4FwAAAAAAAAAAAAPLHD99JVX6tB1VLErrkCOo5pfYBFCBdi3AWGgZgAAAAAAAAAAAAAAAAAAAAr1OxoEAGMvNSeivyA9waP94sO9Wj6iEVfAAAAAAAAAAAHFdMpZEnp6aOVquqI5EaxGIr2KiIuZF2pfYBq9Fmtjx+mSBkvF8nzuVGqiORURGuVL+QDcVdHUNxh6JRUD2VKuk4+SBz7KiIlnLfVq9gGOhdJI2gjrHpTo6WHJmjYqOWzltfcu1QNHXUTo8PrVqKpr3R4l\\Elma1EcmVjlVVyuy9Cbum4G7psztD6mWVkkUc7Fc2PPHEuVdSdsjWol\\LuA47JTqqUD2OppZZI3q5z2JI5rlc1ivRUW1u2RGpsSwHKMVSOm0RfLURUtW6ljV9o0yRucl0uiJs2r7bgaRtBBS1rXyswqojqp44+LikfmYi9rdNftA5BjyxwT4ZG2RW3fl4p1ljyNbdXORfs2TXdFA0ujyx9mVkRaKN9U7NA1GOXMxiWunbdqqprRFvqA3ukdbh7cProJqimSp4h6IxzkzXVq2S20DLAK3D5KOkhp6imdUcQ1FYxyZtTUvq2ganE6N9TitRFhywSVDUyvz0zEjha6y2c7aq77Il\\MBuMIp201HJQx1NOtbExEc6KJG5Lp2t27\\btA4dWUzabCqWWedr0hrJs7pWtRXq1zteZWLrVdy6l6AOUsl5Fous1W+alu3OjW5Ee1V2MTK1EuurdvA4tGmLsxF9RUPnWopYY3SyLGjnNYuZHWS21Lqtr68u8Dkek7WVGCUdQyqldE2WJyLdqJKiuRLuulvL0XA0SQu4vldmK2TOjpGKipmWoiyoqpZFWybU2gW9OpVdXwQMfK5ctnMjVLo1y2VO5vdbate7YB90blllxpkkdVKtLUOmkypbLIrGxtvsTpXo2IByyCtjmrqmla2RJIEarlc2yKjk1Ki79igWgOHV8CUNRS1NS+OoqpKt80scS3c5Fjc1rGt2qlrJ71A2mHUbsP0embWzPgZkWVWxvtyZLXVrXbbJr+WwDhlS5ZKumWpWFrs1M9WzvVuVFY5VVUbZETZdUTaByrDYZq\\QukgZUNj45iMkkeqquRVXNZem2pANe2k5VildR0bW2dVMmZUROulMxsTWoqKn1rpbLvS9wMuEGJJuxcXFSTypKl7I1qZVVEXtlSyKq2To6QNBgjUdiVDLHPJCxJGR3sm1X3RtuhUVNewDlOOwVE+kELI4IWs4p0zVtmdO5iJZF1pZEzLZL7dYEmjTajsnVX4mKFkMKcUlOsbmplWzbZltb2gUK5Gw4\\WpHM7j2Na10lTVRpdrteVqPYtk3agNnovCi4POlJPNHdz4W55UlbGrVVMzLIiW322AcKrHOjpFhVyPVtC5EV1r2zuuqW3qqKq38gHK3wMptB6yJEVrpGvSzlXW5y6k96gcRrletbNxSOu2N0SytVbNcj0RFumrWtti2S+uwHL9MZ3U+CUyNqFdL3bVblTMrUzI7YupLX1KgGjw18qVVK2mqKmLinQ00utMyZ3uVWr2qa9V\\btA5Lj1RT02PYPJWPY2LJOl3JfXZoETayiq9KcP5DJG\\LTzZsjbfZsBo8VSdmKT2pmvV1TUNha9iPSV7mx2TKu7Uq5vIoGz4PpEbSJBM2GOoSJrkayJGq+Ndj831uhehQOTYfWx10cj4myM4uR0TkkblW7V1gY4zMkGF1UqycUjGKufVq96L8lA66oVe9WwNknimfO1Y7ql0bEjlSy5dqJt17V2AcmxSV66DMdNVu46eBq3eiK6RzkvlRP06ANBiFM6etc1tTJIlYkzuMVjmKl2NTubp0dCeUDkula0aU9O2rnqU7RXtZEiOa5G2urmrqVNabdWsDW0FM2mxlOWzVMSpLxcSNajHrdy9s9WprjVdTU1ol9wHNwAAAAAAAAAAAA8scP30lVfq0HVUsSuuQI6jml9gEUIF2LcBYaBmAAAAAAAAAAAAAAAAAAAACvU7GgQAYy81J6K\\ID3Bo\\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AAAAAAAAAAAAAAAAAAAAAAAAAAAAAAAAAAAAAAAAAAAAAAAAAAAAB5Y4fvpKq\\VoOqpYldcgR1HNL7AIoQLsW4Cw0DMAAAAAAAAAAAAAAAAAAAAFep2NAgAxl5qT0V+QHuDR\\vFh3q0fUQir4AAAAAAAAAAAAAAAAAAAAAAAAAAAAAAAAAAAAAAAAAAAAAAAAAAAAAAAAAAAAAAAAAAAAAAAAAAAAAAAAAAAPLHD99JVX6tB1VLErrkCOo5pfYBFCBdi3AWGgZgAAAAAAAAAAAAAAAAAAAAr1OxoEAGMvNSeivyA9waP94sO9Wj6iEVfAAAAAAAAAAAAAAAAAAAAAAAAAAAAAAazEMRfHUJR0EST1rkzKirZkbftPX\\DaoESYVVzpmrcUqlcv1aa0TU82\\wB6gFwytp0zUOJzq5PqVVpWu867UAnw3EVqJn0tXFyeujS7o1W6OT7TV3p8gNiBr8TxFaaVlNTRLUVsqXZEi2RE+05dyAV0wytqO2rsTmaq\\wDDpbRtb7daqAXCquBM1FitUj0+rUKkrV899fuUCXD8RkdUrRYhEkFaiZm5VuyVvSxfmm1ANmBrsSxF0EzKWki5RWyJmbHeyNT7Tl3J8wIEwytqEzV2KTo5fqUtomt8y61X3gFwqrgTNRYrU5k+rU2lavn3+5QJsPxF8lQ6jr4kgrWpmRqLdkjftMXf5tqAbIDW4liLoZ20lFFyiuemZGXs1jftPXcn5qBCmF1k6Zq7FKjMv1KW0TW+Zdq+1QC4XWQJmocUqcyfUqbStXz709igTYdiT5Z3UlbElPWsTNkRbtkb9pi70\\NANkAAAAAAAAAAAAAAAAAAAAAAAAAAAAAAAeWOH76Sqv1aDqqWJXXIEdRzS+wCKEC7FuAsNAzAAAAAAAAAAAAAAAAAAAABXqdjQIAMZeak9FfkB7g0f7xYd6tH1EIq+AAALgAAABcAAAXAXAALgLgAFwAAAAuAuAuAAXAhrahtLSTVD+5iYr19iAUtH6VYKBs02uqqf40zt6uXXbzImr2AVMU0pw\\DdJcMwOVZH19e18jWxNzJExqXzv8AstWyoi9IGlwDT+kxvTOtwXDmLXUkcbHx1tIxz4mKqLmZI7Yi3TUqalv0ooHIdI4VSjSugT\\aqNeOYqb0Tum+ZUuBsmzxrTJPf+ErM9\\Ja4Gt0ciV9K7EJ0\\2isXjXKv1W\\Vb5kQCtDpXh78WqqKV\\EtinSmjneqcXPJxave1q9LURb9AEOjmlVJiuKVmGrVUUtZC9zo+Ry8cySHVZ6qmpq61RWqt7ottQG0x6kdU0Dnw6qqD+NC\\ejk\\XZ7QJ6atZNhkdavaxuiSVfIlrqBU0chdyNa2dP8AaqxeOeq7kXuW+ZEsBqNMtKlwHF8DpIeIkWrqMtSyR2XioLLeTNeyWdZERe61omsDaYXpLheJ4pLh1JUOWtjiSdYnxPjVY1W2ZMyJdL6rgTaQUrpqB00Oqqpv40Lt6OTd5lS6e0CzHWRvwxtbsiWLjV8iWuBT0dgc2h5XOn+1Vn8aRV3X7lvmRLIBQxLSKSl0liwxtJO9FpZp1bG1HPkyrGjVZr2du5FvbWgGeguK1+LYFBNidO6OfI1VlVWWlum1GtVcu7UtgL2kVO6ShWpg1VVJ\\GicnSm1PMqXQC\\SzNqKaKZncSMR6eZUuBLdAFwFwFwAABcBcAAAALgAAC4C4C4C6ALgLgLgAAAAAA8scP30lVfq0HVUsSuuQI6jml9gEUIF2LcBYaBmAAAAAAAAAAAAAAAAAAAACvU7GgQAYy81J6K\\ID3Bo\\3iw71aPqIRV8AAA1L8LqnPcqYvWtRXzORERmpHpZre52M2p+dwPrcLqUkY5cXrVRronK2zLORiKjkXtdj73XzarAV34JWugdGmP4i1ywOiR6NiujlkzJJ3HdIna9Ft19YFl2GVLpXPTFqxEWWSTKiMsiOZlRnc7Gr2yb77bpqAxZhdU10ari9a5G8TdFRnbZL5r9r9f63m1WAjkwasfDIxuO4gxzoJYkejY7tc9+Zsidr3TU7VN1tqKusCdcNqVmV\\ZWsRqzLLksy2VWZcnc9yi9t03321ARtwmrRsaLjNcqtbC1VVI+2VjruVe12vTUvk2WAxlwereyRG43XsV0c7EVrY+1WRUVrk7XbHsbu167gTNw2pSdsi4rVq1Jmy5FRllajMqs7nuVXtl33321AQswirbTpGuN17ncUyPjFSO90fmV\\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\\dptLr43kiR+3JYDPApGzYFROZ2yLA1LeVEt\\gB1xo9QOpqnG6mem0eo8Q4iVyUbXSVMVI1diPRvaszIl3W1v8yWA2nBlgMNHA2flFcyrp3vSaFGtggzSokipxTdWrMxdetupL2ugHP6iVsNPJK\\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\\udr07Vd1tiIusCWTCqp+fLjFay6zqlkj1cZ3P1fqfV\\O4GaYbUpO2TsrVq1JI3rHZllRrMqt7m9nL2y777LJqAquwStWBY0x\\EUcsLYs6NiujkkzK\\uO6VO16Lbr6wJ34XVOc5UxitaivmciIjNSPSzW9zsZtT87gfW4XUpIxy4vWqjXROVtmWcjEVHIva7H3uvm1WArvwStdA6NMfxFrlgdEj0bFdHLJmSTuO6RO16Lbr6wLLsMqXSuemLViIsskmVEZZEczKjO52NXtk3323TUBizC6pro1XF61yN4m6KjO2yXzX7X6\\1vNqsBHJg1Y+GRjcdxBjnQSxI9Gx3a578zZE7Xump2qbrbUVdYE64bUrMr+ytYjVmWXJZlsqsy5O57lF7bpvvtqAjbhNWjY0XGa5Va2FqqqR9srHXcq9rtempfJssBjLg9W9kiNxuvYro52IrWx9qsiorXJ2u2PY3dr13AmTDKnjkf2VrMvHNlyWZbKjMqs7nuVXtl33321ARJhFWkTGdmq5XNjjYr7R3crX5lcva7XJ2q7rbLLrATYRVyK9W41Xx5kqERGpH2vGWyql2\\8ADt2vn13AzZhdU2RrlxetciSRPVqoyyo1mVW9zscvbLvvssmoCPsRV8Q2Ps3X5kibHxmWO6qj82fubXVO16LeXWBLHhlSzEI6hcWrHRMllkWnVGZHI9ERrF7W9mWVU131re4G0AAAAHljh++kqr9Wg6qliV1yBHUc0vsAihAuxbgLDQMwAAAAAAAAAAAAAAAAAAAAV6nY0CADGXmpPRX5Ae4NH+8WHerR9RCKvgAAAAAAAAAAAAAAAAAAAAAAAAAAAAHIioqKl0UDRUEyYNP2Pq1y0rnLyWZ3c2XXxaruVN3SgF1uGMTH34rxr+MfTNpuL+qiI9XXTy9t+SAa9NH0h01dpBBUrG2ajWmqKdUukio5FY9F+qqJmRbbdXQBnUSpjdW2mpu2w+F6OnlTuZHIt0jb069ar5LAb0DQNVuD1E1LVasMqnKsUt7JE53dMcu5FXWi+WwEuE6N4XheEU2G4fTMioIlR\\Fpr4x23M9drlvrVV2gQYlo\\Uzz1TsPxqsw6KqdmnZBHG5VdlRqua5zVVqqiJ07LpYCCGnikoqbR\\DJZpqKma2OpqZJFeuVPqZl2uXf0IBydGo1qI1ERESyIgGjp5UwSqdS1K5cPmerqeVe5jcq3WN3Rr1ovsAgxDBcTbiFTW4Bi0VGtVlfNDUUqTxuejUaj0s5qoqtRqLrVNSAaWfRPSfEsTw+qxbS7JFRTpOyCgomxI5URUVFcqqtlRVS2tLKByGumTGajsfSLmpGORaqZvc2TXxaLvVd\\QgG8RERLIiW6ANFTS9hKh1FUOyUUrldTTO7lirrWN3Rr2dOwDX4poxVS1WHVWHV6x1aViT1lVI1HPfFxb25GIqKjUTN2qbE1rrXWoXaLRWlw\\HJ8ToKyvpWzqrpqOOb\\Z3vXa\\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\\ID3Bo\\3iw71aPqIRV8AAAAAAAAAAAAAAAAAAAAAAAAAAAAAAAAAAC4ABcBcAAAAAAAAAAAAAAAAAAAAAAAAAAAAAAAAAAAAAAAAAAAAA8scP30lVfq0HVUsSuuQI6jml9gEUIF2LcBYaBmAAAAAAAAAAAAAAAAAAAACvU7GgQAYy81J6K\\ID3Bo\\wB4sO9Wj6iEVfAAAAAAAAAAAAAAAAAAAAAAAAAAAAAAQV1THR0c1TO7LHExXuXyIBxNa7EWYg6rdDG6rTC45nwNvltxrlcia9uX8wNppFVxy6Ocupal8bV4t7JI5Mt0VyIv5KoGslYyCslqZKeqqsPnkiigkjrFtdVsrrZr61X3IBjpzNNDiuEpFV8Q1XLZFcnarrTN5NTrX2awIsBq5pMdbIk3GNqVREbxq3VGot79NgJdNap7JnuhqpGPpmpKxqOtleialRLa9S71AvaHOVjZIHTyP7XM1jnXTWt1XWiLe6gcmAq1\\GpFnZUx07GIqvdIxHJb3pYDT6LJVoitbLnwtiKkL5I8r5FVVW6a9TEvZOnzASaVcfHTJVRyxsSDXG3ts0j3IrUbqWy3umoCLRirkRafD0dBJBFSNcj40ci3R2Wyou\\UtwGk0r4a6jlw9jpMRjR0isa5e2gTW5FTyrZE8vmA3EVaypwxtZRtWdr488bWqiK7Vs8i7gOD8onjjhqqqfiqlZ5Z5WRrmc56PSJERFRUytavtUDc1tRUy6IMmkqUmmkmZ\\EhumZqyoiJ2tl2al2bwOLunl5JWcasiuyujY96qvFuzSWS6uu3ubb11IgHZeH3Whp73vxbdu3YgE4AAAAAAAAAAAAAAAAAAAAAAAAAAAAAAB5Y4fvpKq\\VoOqpYldcgR1HNL7AIoQLsW4Cw0DMAAAAAAAAAAAAAAAAAAAAFep2NAgAxl5qT0V+QHuDR\\vFh3q0fUQir4AAAAAAAAAAAAAAAAAAAAAAAAAAAAACOpgiqYXRVEbZInbWuS6KBUhw5GYtPXyTPkkkjSFrFREaxiLe2pNetV2gTPoKR8cTHU0KsiW8bVYlmL5E3AQVuGpV1dNJJUSpDA5JEgaiI1XJsVVtf2AfK3CYKnEKWtVEbPA6+a18zbOTL5O6v7AKWG6ORUNRRSxzOVadr0XtecV2\\bq2gWK7A6evqnSVlpIVsvE8W1EVU+062ZfNcCXDcKZh714mV7oUblYx7W3anpWuqedVA2IGvxXCKXFFZyzjXsa1USNHqjbr9ayb03AfIcOmjkjV2J1kkbFvkfk7byKqNuoGUuGRTYmytnkllWJP4UTl7SN29yJ0+VQPtFhzaatqap00kss1m9tZEa1FVURERPKuvaAw\\DYqOWomR8ktRO7M+WVbuVNzfIibkA+0GGwUM1Q+mWRrZ3Z1jzdo129WpuvvA1rtGoVR+Soka6WVHyutdXNR6vRiX7lL9G0C\\NhFHLRyUqxZYJJeOe1q2u7NmX3qgGv\\AHWo0kmySTsge1ESJjrI1yKqo9F23RV1dAG8po3RU8cb5Hyua1EV77Xd5VsBIAAAAAAAAAAAAAAAAAAAAAAAAAAAAAAAeWOH76Sqv1aDqqWJXXIEdRzS+wCKEC7FuAsNAzAAAAAAAAAAAAAAAAAAAABXqdjQIAMZeak9FfkB7g0f7xYd6tH1EIq+AAAAAAAAAAAAAAAAAAAAAAAAAAAAAAAAAAAAAAAAAAAAAAAAAAAAAAAAAAAAAAAAAAAAAAAAAAAAAAAAAAADyxw\\fSVV+rQdVSxK65AjqOaX2ARQgXYtwFhoGYAAAAAAAAAAAAAAAAAAAAK9TsaBABjLzUnor8gPcGj\\AH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U2IvdHSOcxytddNaecDUcqn8M\\3gOVT+Gf7wHKp\\DP94DlU\\hn+8Byqfwz\\eA5VP4Z\\vAcqn8M\\wB4DlU\\hn+8Byqfwz\\eA5VP4Z\\vAcqn8M\\3gOVT+Gf7wHKp\\DP94DlU\\hn+8Byqfwz\\AHgOVT+Gf7wHKp\\DP94DlU\\hn+8Byqfwz\\eA5VP4Z\\vAcqn8M\\3gOVT+Gf7wHKp\\DP8AeA5VP4Z\\vAcqn8M\\3gOVT+Gf7wHKp\\DP94DlU\\hn+8Byqfwz\\eA5VP4Z\\vAcqn8M\\wB4DlU\\hn+8Byqfwz\\eA5VP4Z\\vAcqn8M\\3gOVT+Gf7wHKp\\DP94DlU\\hn+8Byqfwz\\AHgOVT+Gf7wHKp\\DP94DlU\\hn+8Byqfwz\\eA5VP4Z\\vAcqn8M\\3gOVT+Gf7wHKp\\DP8AeA5VP4Z\\vAcqn8M\\3gOVT+Gf7wHKp\\DP94DlU\\hn+8Byqfwz\\eA5VP4Z\\vAcqn8M\\wB4DlU\\hn+8Byqfwz\\eA5VP4Z\\vAcqn8M\\3gOVT+Gf7wHKp\\DP94DlU\\hn+8Byqfwz\\AHgOVT+Gf7wHKp\\DP94DlU\\hn+8Byqfwz\\eA5VP4Z\\vAcqn8M\\3gbHCpXyMk4x6usqWuBfA8scP30lVfq0HVUsSuuQI6jml9gEUIF2LcBYaBmAAAAAAAAAAAAAAAAAAAACvU7GgQAYy81J6K\\ID3Bo\\3iw71aPqIRUmKf7k\\zp8wNRCxr86vVURrb6kuB9tT\\bl+FP1AWp\\ty\\Cn6gLU\\wBuX4U\\UBan+3L8KfqAtT\\bl+FP1AWp\\ty\\Cn6gLU\\25fhT9QFqf7cvwp+oC1P9uX4U\\UBan+3L8KfqAtT\\AG5fhT9QFqf7cvwp+oC1P9uX4U\\UBan+3L8KfqAtT\\bl+FP1AWp\\ty\\Cn6gLU\\25fhT9QFqf7cvwp+oC1P8Abl+FP1AWp\\ty\\Cn6gLU\\25fhT9QFqf7cvwp+oC1P9uX4U\\UBan+3L8KfqAtT\\bl+FP1AWp\\ty\\Cn6gLU\\wBuX4U\\UBan+3L8KfqAtT\\bl+FP1AWp\\ty\\Cn6gLU\\25fhT9QFqf7cvwp+oC1P9uX4U\\UBan+3L8KfqAtT\\AG5fhT9QFqf7cvwp+oC1P9uX4U\\UBan+3L8KfqAtT\\bl+FP1AWp\\ty\\Cn6gLU\\25fhT9QFqf7cvwp+oC1P8Abl+FP1AWp\\ty\\Cn6gLU\\25fhT9QFqf7cvwp+oC1P9uX4U\\UBan+3L8KfqAtT\\bl+FP1AWp\\ty\\Cn6gLU\\wBuX4U\\UBan+3L8KfqAtT\\bl+FP1AWp\\ty\\Cn6gLU\\25fhT9QFqf7cvwp+oC1P9uX4U\\UBan+3L8KfqAtT\\AG5fhT9QFqf7cvwp+oC1P9uX4U\\UBan+3L8KfqAtT\\bl+FP1AWp\\ty\\Cn6gLU\\25fhT9QFqf7cvwp+oC1P8Abl+FP1A+TMaxWZFVUc3NrSwGxwbuJfOnyA2IHljh++kqr9Wg6qliV1yBHUc0vsAihAuxbgLDQMwAAAAAAAAAAAAAAAAAAAAV6nY0CADGXmpPRX5Ae4NH+8WHerR9RCKkxT\\cn+dPmBqYObn9D\\FAIgAAAAAAAAAAAAAAAAAAAAAAAAAAAAAAAAAAAAAAAAAAAAAAAAAAAAAAAAAAAAAAAAAAAAAAAAAAAAAJajuYfu0+agbDBu4l86fIDYgeWOH76Sqv1aDqqWJXXIEdRzS+wCKEC7FuAsNAzAAAAAAAAAAAAAAAAAAAABXqdjQIAMZeak9FfkB7g0f7xYd6tH1EIqTFP9yf50+YGpg5uf0P8UAiAAAAAAAAAAAAAAAAAAAAAAAAAAAAAAAAAAAAAAAAAAAAAAAAAAAAAAAAAAAAAAAAAAAAAAAAAAAAAAlqO5h+7T5qBsMG7iXzp8gNiB5Y4fvpKq\\VoOqpYldcgR1HNL7AIoQLsW4Cw0DMAAAAAAAAAAAAAAAAAAAAFep2NAgAxl5qT0V+QHuDR\\vFh3q0fUQipMU\\3J\\nT5gamDm5\\Q\\xQCIAAAAAAAAAAAAAAAAAAAAAAAAAAAAAAAAAAAAAAAAAAAAAAAAAAAAAAAAAAAAAAAAAAAAAAAAAAAAACWo7mH7tPmoGwwbuJfOnyA2IHljh++kqr9Wg6qliV1yBHUc0vsAihAuxbgLDQMwAAAAAAAAAAAAAAAAAAAAV6nY0CADGXmpPRX5Ae4NH+8WHerR9RCKkxT\\cn+dPmBqYObn9D\\FAIgAAAAAAAAAAAAAAAAAAAAAAAAAAAAAAAAAAAAAAAAAAAAAAAAAAAAAAAAAAAAAAAAAAAAAAAAAAAAAJajuYfu0+agbDBu4l86fIDYgeWOH76Sqv1aDqqWJXXIEdRzS+wCKEC7FuAsNAzAAAAAAAAAAAAAAAAAAAABXqdjQIAMZeak9FfkB7g0f7xYd6tH1EIqTFP9yf50+YGpg5uf0P8UAiAAAAAAAAAAAAAAAAAAAAAAAAAAAAAAAAAAAAAAAAAAAAAAAAAAAAAAAAAAAAAAAAAAAAAAAAAAAAAAlqO5h+7T5qBsMG7iXzp8gNiB5Y4fvpKq\\VoOqpYldcgR1HNL7AIoQLsW4Cw0DMAAAAAAAAAAAAAAAAAAAAFep2NAgAxl5qT0V+QHuDR\\vFh3q0fUQipMU\\3J\\nT5gamDm5\\Q\\xQCIAAAAAAAAAAAAAAAAAAAAAAAAAAAAAAAAAAAAAAAAAAAAAAAAAAAAAAAAAAAAAAAAAAAAAAAAAAAAACWo7mH7tPmoGwwbuJfOnyA2IHljh++kqr9Wg6qliV1yBHUc0vsAihAuxbgLDQMwAAAAAAAAAAAAAAAAAAAAV6nY0CADGXmpPRX5Ae4NH+8WHerR9RCKkxT\\cn+dPmBqYObn9D\\FAIgAAAAAAAAAAAAAAAAAAAAAAAAAAAAAAAAAAAAAAAAAAAAAAAAAAAAAAAAAAAAAAAAAAAAAAAAAAAAAJajuYfu0+agbDBu4l86fIDYgeWOH76Sqv1aDqqWJXXIEdRzS+wCKEC7FuAsNAzAAAAAAAAAAAAAAAAAAAABXqdjQIAMZeak9FfkB7g0f7xYd6tH1EIqTFP9yf50+YGpg5uf0P8UAiAAAAAAAAAAAAAAAAAAAAAAAAAAAAAAAAAAAAAAAAAAAAAAAAAAAAAAAAAAAAAAAAAAAAAAAAAAAAAAlqO5h+7T5qBsMG7iXzp8gNiB5Y4fvpKq\\VoOqpYldcgR1HNL7AIoQLsW4Cw0DMAAAAAAAAAAAAAAAAAAAAFep2NAgAxl5qT0V+QHuDR\\vFh3q0fUQipMU\\3J\\nT5gamDm5\\Q\\xQCIAAAAAAAAAAAAAAAAAAAAAAAAAAAAAAAAAAAAAAAAAAAAAAAAAAAAAAAAAAAAAAAAAAAAAAAAAAAAACWo7mH7tPmoGwwbuJfOnyA2IHljh++kqr9Wg6qliV1yBHUc0vsAihAuxbgLDQMwAAAAAAAAAAAAAAAAAAAAV6nY0CADGXmpPRX5Ae4NH+8WHerR9RCKkxT\\cn+dPmBqYObn9D\\FAIgAAAAAAAAAAAAAAAAAAAAAAAAAAAAAAAAAAAAAAAAAAAAAAAAAAAAAAAAAAAAAAAAAAAAAAAAAAAAAJajuYfu0+agbDBu4l86fIDYgeWOH76Sqv1aDqqWJXXIEdRzS+wCKEC7FuAsNAzAAAAAAAAAAAAAAAAAAAABXqdjQIAMZeak9FfkB7g0f7xYd6tH1EIqTFP9yf50+YGpg5uf0P8UAiAAAAAAAAAAAAAAAAAAAAAAAAAAAAAAAAAAAAAAAAAAAAAAAAAAAAAAAAAAAAAAAAAAAAAAAAAAAAAAlqO5h+7T5qBsMG7iXzp8gNiB5Y4fvpKq\\VoOqpYldcgR1HNL7AIoQLsW4Cw0DMAAAAAAAAAAAAAAAAAAAAFep2NAgAxl5qT0V+QHuDR\\vFh3q0fUQipMU\\3J\\nT5gamDm5\\Q\\xQCIAAAAAAAAAAAAAAAAAAAAAAAAAAAAAAAAAAAAAAAAAAAAAAAAAAAAAAAAAAAAAAAAAAAAAAAAAAAAACWo7mH7tPmoGwwbuJfOnyA2IHljh++kqr9Wg6qliV1yBHUc0vsAihAuxbgLDQMwAAAAAAAAAAAAAAAAAAAAV6nY0CADGXmpPRX5Ae4NH+8WHerR9RCKkxT\\cn+dPmBqYObn9D\\FAIgAAAAAAAAAAAAAAAAAAAAAAAAAAAAAAAAAAAAAAAAAAAAAAAAAAAAAAAAAAAAAAAAAAAAAAAAAAAAAJajuYfu0+agbDBu4l86fIDYgeWOH76Sqv1aDqqWJXXIEdRzS+wCKEC7FuAsNAzAAAAAAAAAAAAAAAAAAAABXqdjQIAMZeak9FfkB7g0f7xYd6tH1EIqTFP9yf50+YGpg5uf0P8UAiAAAAAAAAAAAAAAAAAAAAAAAAAAAAAAAAAAAAAAAAAAAAAAAAAAAAAAAAAAAAAAAAAAAAAAAAAAAAAAlqO5h+7T5qBsMG7iXzp8gNiB5Y4fvpKq\\VoOqpYldcgR1HNL7AIoQLsW4Cw0DMAAAAAAAAAAAAAAAAAAAAFep2NAgAxl5qT0V+QHuDR\\vFh3q0fUQipMU\\3J\\nT5gamDm5\\Q\\xQCIAAAAAAAAAAAAAAAAAAAAAAAAAAAAAAAAAAAAAAAAAAAAAAAAAAAAAAAAAAAAAAAAAAAAAAAAAAAAACWo7mH7tPmoGwwbuJfOnyA2IHljh++kqr9Wg6qliV1yBHUc0vsAihAuxbgLDQMwAAAAAAAAAAAAAAAAAAAAV6nY0CADGXmpPRX5Ae4NH+8WHerR9RCKkxT\\cn+dPmBqYObn9D\\FAIgAAAAAAAAAAAAAAAAAAAAAAAAAAAAAAAAAAAAAAAAAAAAAAAAAAAAAAAAAAAAAAAAAAAAAAAAAAAAAJajuYfu0+agbDBu4l86fIDYgeWOH76Sqv1aDqqWJXXIEdRzS+wCKEC7FuAsNAzAAAAAAAAAAAAAAAAAAAABXqdjQIAMZeak9FfkB7g0f7xYd6tH1EIqTFP9yf50+YGpg5uf0P8UAiAAAAAAAAAAAAAAAAAAAAAAAAAAAAAAAAAAAAAAAAAAAAAAAAAAAAAAAAAAAAAAAAAAAAAAAAAAAAAAlqO5h+7T5qBsMG7iXzp8gNiB5Y4fvpKq\\VoOqpYldcgR1HNL7AIoQLsW4Cw0DMAAAAAAAAAAAAAAAAAAAAFep2NAgAxl5qT0V+QHuDR\\vFh3q0fUQipMU\\3J\\nT5gamDm5\\Q\\xQCIAAAAAAAAAAAAAAAAAAAAAAAAAAAAAAAAAAAAAAAAAAAAAAAAAAAAAAAAAAAAAAAAAAAAAAAAAAAAACWo7mH7tPmoGwwbuJfOnyA2IHljh++kqr9Wg6qliV1yBHUc0vsAihAuxbgLDQMwAAAAAAAAAAAAAAAAAAAAV6nY0CADGXmpPRX5Ae4NH+8WHerR9RCKkxT\\cn+dPmBqYObn9D\\FAIgAAAAAAAAAAAAAAAAAAAAAAAAAAAAAAAAAAAAAAAAAAAAAAAAAAAAAAAAAAAAAAAAAAAAAAAAAAAAAJajuYfu0+agbDBu4l86fIDYgeWOH76Sqv1aDqqWJXXIEdRzS+wCKEC7FuAsNAzAAAAAAAAAAAAAAAAAAAABXqdjQIAMZeak9FfkB7g0f7xYd6tH1EIqTFP9yf50+YGpg5uf0P8UAiAAAAAAAAAAAAAAAAAAAAAAAAAAAAAAAAAAAAAAAAAAAAAAAAAAAAAAAAAAAAAAAAAAAAAAAAAAAAAAlqO5h+7T5qBsMG7iXzp8gNiB5Y4fvpKq\\VoOqpYldcgR1HNL7AIoQLsW4Cw0DMAAAAAAAAAAAAAAAAAAAAFep2NAgAxl5qT0V+QHuDR\\vFh3q0fUQipMU\\3J\\nT5gamDm5\\Q\\xQCIAAAAAAAAAAAAAAAAAAAAAAAAAAAAAAAAAAAAAAAAAAAAAAAAAAAAAAAAAAAAAAAAAAAAAAAAAAAAACWo7mH7tPmoGwwbuJfOnyA2IHljh++kqr9Wg6qliV1yBHUc0vsAihAuxbgLDQMwAAAAAAAAAAAAAAAAAAAAV6nY0CADGXmpPRX5Ae4NH+8WHerR9RCKkxT\\cn+dPmBqYObn9D\\FAIgAAAAAAAAAAAAAAAAAAAAAAAAAAAAAAAAAAAAAAAAAAAAAAAAAAAAAAAAAAAAAAAAAAAAAAAAAAAAAJajuYfu0+agbDBu4l86fIDYgeWOH76Sqv1aDqqWJXXIEdRzS+wCKEC7FuAsNAzAAAAAAAAAAAAAAAAAAAABXqdjQIAMZeak9FfkB7g0f7xYd6tH1EIqTFP9yf50+YGpg5uf0P8UAiAAAAAAAAAAAAAAAAAAAAAAAAAAAAAAAAAAAAAAAAAAAAAAAAAAAAAAAAAAAAAAAAAAAAAAAAAAAAAAlqO5h+7T5qBsMG7iXzp8gNiB5Y4fvpKq\\VoOqpYldcgR1HNL7AIoQLsW4Cw0DMAAAAAAAAAAAAAAAAAAAAFep2NAgAxl5qT0V+QHuDR\\vFh3q0fUQipMU\\3J\\nT5gamDm5\\Q\\xQCIAAAAAAAAAAAAAAAAAAAAAAAAAAAAAAAAAAAAAAAAAAAAAAAAAAAAAAAAAAAAAAAAAAAAAAAAAAAAACWo7mH7tPmoGwwbuJfOnyA2IHljh++kqr9Wg6qliV1yBHUc0vsAihAuxbgLDQMwAAAAAAAAAAAAAAAAAAAAV6nY0CADGXmpPRX5Ae4NH+8WHerR9RCKkxT\\cn+dPmBqYObn9D\\FAIgAAAAAAAAAAAAAAAAAAAAAAAAAAAAAAAAAAAAAAAAAAAAAAAAAAAAAAAAAAAAAAAAAAAAAAAAAAAAAJajuYfu0+agbDBu4l86fIDYgeWOH76Sqv1aDqqWJXXIEdRzS+wCKEC7FuAsNAzAAAAAAAAAAAAAAAAAAAABXqdjQIAMZeak9FfkB7g0f7xYd6tH1EIqTFP9yf50+YGpg5uf0P8UAiAAAAAAAAAAAAAAAAAAAAAAAAAAAAAAAAAAAAAAAAAAAAAAAAAAAAAAAAAAAAAAAAAAAAAAAAAAAAAAlqO5h+7T5qBsMG7iXzp8gNiB5Y4fvpKq\\VoOqpYldcgR1HNL7AIoQLsW4Cw0DMAAAAAAAAAAAAAAAAAAAAFep2NAgAxl5qT0V+QHuDR\\vFh3q0fUQipMU\\3J\\nT5gamDm5\\Q\\xQCIAAAAAAAAAAAAAAAAAAAAAAAAAAAAAAAAAAAAAAAAAAAAAAAAAAAAAAAAAAAAAAAAAAAAAAAAAAAAACWo7mH7tPmoGwwbuJfOnyA2IHljh++kqr9Wg6qliV1yBHUc0vsAihAuxbgLDQMwAAAAAAAAAAAAAAAAAAAAV6nY0CADGXmpPRX5Ae4NH+8WHerR9RCKkxT\\cn+dPmBqYObn9D\\FAIgAAAAAAAAAAAAAAAAAAAAAAAAAAAAAAAAAAAAAAAAAAAAAAAAAAAAAAAAAAAAAAAAAAAAAAAAAAAAAJajuYfu0+agbDBu4l86fIDYgeWOH76Sqv1aDqqWJXXIEdRzS+wCKEC7FuAsNAzAAAAAAAAAAAAAAAAAAAABXqdjQIAMZeak9FfkB7g0f7xYd6tH1EIqTFP9yf50+YGpg5uf0P8UAiAAAAAAAAAAAAAAAAAAAAAAAAAAAAAAAAAAAAAAAAAAAAAAAAAAAAAAAAAAAAAAAAAAAAAAAAAAAAAAlqO5h+7T5qBsMG7iXzp8gNiB5Y4fvpKq\\VoOqpYldcgR1HNL7AIoQLsW4Cw0DMAAAAAAAAAAAAAAAAAAAAFep2NAgAxl5qT0V+QHuDR\\vFh3q0fUQipMU\\3J\\nT5gamDm5\\Q\\xQCIAAAAAAAAAAAAAAAAAAAAAAAAAAAAAAAAAAAAAAAAAAAAAAAAAAAAAAAAAAAAAAAAAAAAAAAAAAAAACWo7mH7tPmoGwwbuJfOnyA2IHljh++kqr9Wg6qliV1yBHUc0vsAihAuxbgLDQMwAAAAAAAAAAAAAAAAAAAAV6nY0CADGXmpPRX5Ae4NH+8WHerR9RCKkxT\\cn+dPmBqYObn9D\\FAIgAAAAAAAAAAAAAAAAAAAAAAAAAAAAAAAAAAAAAAAAAAAAAAAAAAAAAAAAAAAAAAAAAAAAAAAAAAAAAJajuYfu0+agbDBu4l86fIDYgeWOH76Sqv1aDqqWJXXIEdRzS+wCKEC7FuAsNAzAAAAAAAAAAAAAAAAAAAABXqdjQIAMZeak9FfkB7g0f7xYd6tH1EIqTFP9yf50+YGpg5uf0P8UAiAAAAAAAAAAAAAAAAAAAAAAAAAAAAAAAAAAAAAAAAAAAAAAAAAAAAAAAAAAAAAAAAAAAAAAAAAAAAAAlqO5h+7T5qBsMG7iXzp8gNiB5Y4fvpKq\\VoOqpYldcgR1HNL7AIoQLsW4Cw0DMAAAAAAAAAAAAAAAAAAAAFep2NAgAxl5qT0V+QHuDR\\vFh3q0fUQipMU\\3J\\nT5gamDm5\\Q\\xQCIAAAAAAAAAAAAAAAAAAAAAAAAAAAAAAAAAAAAAAAAAAAAAAAAAAAAAAAAAAAAAAAAAAAAAAAAAAAAACWo7mH7tPmoGwwbuJfOnyA2IHljh++kqr9Wg6qliV1yBHUc0vsAihAuxbgLDQMwAAAAAAAAAAAAAAAAAAAAV6nY0CADGXmpPRX5Ae4NH+8WHerR9RCKkxT\\cn+dPmBqIZGszo9qua5LalsB9zQeCk+P+QDNB4KT4\\wCQDNB4KT4\\5AM0HgpPj\\kAzQeCk+P+QDNB4KT4\\wCQDNB4KT4\\5AM0HgpPj\\kAzQeCk+P+QDNB4KT4\\wCQDNB4KT4\\5AM0HgpPj\\kAzQeCk+P+QDNB4KT4\\wCQDNB4KT4\\5AM0HgpPj\\kAzQeCk+P+QDNB4KT4\\wCQDNB4KT4\\5AM0HgpPj\\kAzQeCk+P+QDNB4KT4\\wCQDNB4KT4\\5AM0HgpPj\\kAzQeCk+P+QDNB4KT4\\wCQDNB4KT4\\5AM0HgpPj\\kAzQeCk+P+QDNB4KT4\\wCQDNB4KT4\\5AM0HgpPj\\kAzQeCk+P+QDNB4KT4\\wCQDNB4KT4\\5AM0HgpPj\\kAzQeCk+P+QDNB4KT4\\wCQDNB4KT4\\5AM0HgpPj\\kAzQeCk+P+QDNB4KT4\\wCQDNB4KT4\\5AM0HgpPj\\kAzQeCk+P+QDNB4KT4\\wCQDNB4KT4\\5AM0HgpPj\\kAzQeCk+P+QDNB4KT4\\wCQDNB4KT4\\5AM0HgpPj\\kAzQeCk+P+QDNB4KT4\\wCQDNB4KT4\\5AM0HgpPj\\kAzQeCk+P+QDNB4KT4\\wCQDNB4KT4\\5AM0HgpPj\\kAzQeCk+P+QDNB4KT4\\wCQDNB4KT4\\5AM0HgpPj\\kAzQeCk+P+QDNB4KT4\\wCQDNB4KT4\\5AfJntercrVajW5URVuBscG7iXzp8gNiB5Y4fvpKq\\VoOqpYldcgR1HNL7AIoQLsW4Cw0DMAAAAAAAAAAAAAAAAAAAAFep2NAgAxl5qT0V+QHuDR\\vFh3q0fUQipsSarqR6NRVW6akS+8DT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cRL4KT4VA2WEMcxkmdrm602pbcBsAPLHD99JVX6tB1VLErrkCOo5pfYBFCBdi3AWGgZgAAAAAAAAAAAAAAAAAAAAr1OxoEAGMvNSeivyA9waP94sO9Wj6iEVfAAAAAAAAAAAAAAAAAAAAAAAAAAAAAAAAAAAAAAAAAAAAAAAAAAAAAAAAAAAAAAAAAAAAAAAAAAAAAAAAAAAB5Y4fvpKq\\VoOqpYldcgR1HNL7AIoQLsW4Cw0DMAAAAAAAAAAAAAAAAAAAAFep2NAgAxl5qT0V+QHuDR\\vFh3q0fUQissYnkpqB8kLsr0VLLa+8Dj3Zmu8MnwJ+gDszXeGT4E\\QB2ZrvDJ8CfoA7M13hk+BP0Adma7wyfAn6AOzNd4ZPgT9AHZmu8MnwJ+gDszXeGT4E\\QB2ZrvDJ8CfoA7M13hk+BP0Adma7wyfAn6AOzNd4ZPgT9AHZmu8MnwJ+gDszXeGT4E\\QB2ZrvDJ8CfoA7M13hk+BP0Adma7wyfAn6AOzNd4ZPgT9AHZmu8MnwJ+gDszXeGT4E\\QB2ZrvDJ8CfoA7M13hk+BP0Adma7wyfAn6AOzNd4ZPgT9AHZmu8MnwJ+gDszXeGT4E\\QB2ZrvDJ8CfoA7M13hk+BP0Adma7wyfAn6AOzNd4ZPgT9AHZmu8MnwJ+gDszXeGT4E\\QB2ZrvDJ8CfoA7M13hk+BP0Adma7wyfAn6AOzNd4ZPgT9AHZmu8MnwJ+gDszXeGT4E\\QB2ZrvDJ8CfoA7M13hk+BP0Adma7wyfAn6AOzNd4ZPgT9AHZmu8MnwJ+gDszXeGT4E\\QB2ZrvDJ8CfoA7M13hk+BP0Adma7wyfAn6AOzNd4ZPgT9AHZmu8MnwJ+gDszXeGT4E\\QB2ZrvDJ8CfoA7M13hk+BP0Adma7wyfAn6AOzNd4ZPgT9AHZmu8MnwJ+gDszXeGT4E\\QB2ZrvDJ8CfoA7M13hk+BP0Adma7wyfAn6AOzNd4ZPgT9AHZmu8MnwJ+gDszXeGT4E\\QB2ZrvDJ8CfoA7M13hk+BP0Adma7wyfAn6AOzNd4ZPgT9AHZmu8MnwJ+gDszXeGT4E\\QB2ZrvDJ8CfoBucAq56uOZah+ZWuRE1Im4DageWOH76Sqv1aDqqWJXXIEdRzS+wCKEC7FuAsNAzAAAAAAAAAAAAAAAAAAAABXqdjQIAMZeak9FfkB7g0f7xYd6tH1EIrHSHvXJ52\\NAOMU0KTcYrpEjaxuZVtffb\\EDP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OJpvG0\\CcA4mm8bT8JwDiabxtPwnAYVMKQqzK\\O17Uei2tq\\9oBvNFeaqPST5AbwDyxw\\fSVV+rQdVSxK65AjqOaX2ARQgXYtwFhoGYAAAAAAAAAAAAAAAAAAAAK9TsaBABjLzUnor8gPcGj\\eLDvVo+ohFY6Q965PO35oBxuk5ms+6\\zIBWAAAAAAAAAAAAAAAAAAAAAAAAAAAAAAAAAAAAAAAAAAAAAAAAAAAAAAAAAAAAAAAAAAAAAAAAAAAAAAs1nN0n3KfNQNzorzVR6SfIDeAeWOH76Sqv1aDqqWJXXIEdRzS+wCKEC7FuAsNAzAAAAAAAAAAAAAAAAAAAABXqdjQIAMZeak9FfkB7g0f7xYd6tH1EIrHSHvXJ52\\NAON0fM1n3P8AmQCsAAAAAAAAAAAAAAAAAAAAAAAAAAAAAAAAAAAAAAAAAAAAAAAAAAAAAAAAAAAAAAAAAAAAAAAAAAAAABZrObpPuU+agbnRXmqj0k+QG8A8scP30lVfq0HVUsSuuQI6jml9gEUIF2LcBYaBmAAAAAAAAAAAAAAAAAAAACvU7GgQAYy81J6K\\ID3Bo\\3iw71aPqIRWOkPeuTzt+aAcbo+ZrPuf8A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94sO9Wj6iEVjpD3rk87fmgHG6Pmaz7n\\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8A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8AmQCsAAAAAAAAAAAAAAAAAAAAAAAAAAAAAAAAAAAAAAAAAAAAAAAAAAAAAAAAAAAAAAAAAAAAAAAAAAAAABZrObpPuU+agbnRXmqj0k+QG8A8scP30lVfq0HVUsSuuQI6jml9gEUIF2LcBYaBmAAAAAAAAAAAAAAAAAAAACvU7GgQAYy81J6K\\ID3Bo\\3iw71aPqIRWOkPeuTzt+aAcbo+ZrPuf8A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94sO9Wj6iEVjpD3rk87fmgHG6Pmaz7n\\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8A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8AmQCsAAAAAAAAAAAAAAAAAAAAAAAAAAAAAAAAAAAAAAAAAAAAAAAAAAAAAAAAAAAAAAAAAAAAAAAAAAAAABZrObpPuU+agbnRXmqj0k+QG8A8scP30lVfq0HVUsSuuQI6jml9gEUIF2LcBYaBmAAAAAAAAAAAAAAAAAAAACvU7GgQAYy81J6K\\ID3Bo\\3iw71aPqIRWOkPeuTzt+aAcbo+ZrPuf8A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94sO9Wj6iEVjpD3rk87fmgHG6Pmaz7n\\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8A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P8AmQCsAAAAAAAAAAAAAAAAAAAAAAAAAAAAAAAAAAAAAAAAAAAAAAAAAAAAAAAAAAAAAAAAAAAAAAAAAAAAABZrObpPuU+agbjRXmqj0k+QG9A8scP30lVfq0HVUsSuuQI6jml9gEUIF2LcBYaBmAAAAAAAAAAAAAAAAAAAACvU7GgQAYy81J6K\\ID2\\gCJ2Dw71aPqIRWOkCWwuXzt+aAcco+ZrPuv8yAVgAAAAAAAAAAAAAAAAAAAAAAAAAAAAAAAAAAAAAAAAAAAAAAAAAAAAAAAAAAAAAAAAAAAAAAAAAAAAALNZzdJ9ynzUDcaLJeKo9JPkBvLIB5Y4fvpKq\\VoOqpYjroCOo5pfYBFCBdi3AWGgZgAAAAAAAAAAAAAAAAAAAAr1OxoEAGMvNSeivyA9waP94sO9Wj6iEVjpD3rk87fmgHG6Pmaz7n\\MgFYAAAAAAAAAAAAAAAAAAAAAAAAAAAAAAAAAAAAAAAAAAAAAAAAAAAAAAAAAAAAAAAAAAAAAAAAAAAAACzWc3Sfcp81A3OivNVHpJ8gN4B5Y4fvpKq\\VoOqpYldcgR1HNL7AIoQLsW4Cw0DMAAAAAAAAAAAAAAAAAAAAFep2NAgAxl5qT0V+QHuDR\\vFh3q0fUQisdIe9cnnb80A43R8zWfc\\5kArAAAAAAAAAAAAAAAAAAAAAAAAAAAAAAAAAAAAAAAAAAAAAAAAAAAAAAAAAAAAAAAAAAAAAAAAAAAAAAWazm6T7lPmoG50V5qo9JPkBvAPLHD99JVX6tB1VLErrkCOo5pfYBFCBdi3AWGgZgAAAAAAAAAAAAAAAAAAAAr1OxoEAGMvNSeivyA9waP8AeLDvVo+ohFY6Q965PO35oBxuj5ms+5\\zIBWAAAAAAAAAAAAAAAAAAAAAAAAAAAAAAAAAAAAAAAAAAAAAAAAAAAAAAAAAAAAAAAAAAAAAAAAAAAAAAs1nN0n3KfNQNzorzVR6SfIDeAeWOH76Sqv1aDqqWJXXIEdRzS+wCKEC7FuAsNAzAAAAAAAAAAAAAAAAAAAABXqdjQIAMZeak9FfkB7g0f7xYd6tH1EIrHSHvXJ52\\NAON0fM1n3P+ZAKwAAAAAAAAAAAAAAAAAAAAAAAAAAAAAAAAAAAAAAAAAAAAAAAAAAAAAAAAAAAAAAAAAAAAAAAAAAAAAFms5uk+5T5qBudFeaqPST5AbwDyxw\\fSVV+rQdVSxK65AjqOaX2ARQgXYtwFhoGYAAAAAAAAAAAAAAAAAAAAK9TsaBABjLzUnor8gPcGj\\eLDvVo+ohFY6Q965PO35oBxuj5ms+5\\zIBWAAAAAAAAAAAAAAAAAAAAAAAAAAAAAAAAAAAAAAAAAAAAAAAAAAAAAAAAAAAAAAAAAAAAAAAAAAAAAAs1nN0n3KfNQNzorzVR6SfIDeAeWOH76Sqv1aDqqWJXXIEdRzS+wCKEC7FuAsNAzAAAAAAAAAAAAAAAAAAAABXqdjQIAMZeak9FfkB7g0f7xYd6tH1EIrHSHvXJ52\\NAON0fM1n3X+ZAKwAAAAAAAAAAAAAAAAAAAAAAAAAAAAAAAAAAAAAAAAAAAAAAAAAAAAAAAAAAAAAAAAAAAAAAAAAAAAAFms5uk+5T5qBudFeaqPST5AbwDyxw\\fSVV+rQdVSxK65AjqOaX2ARQgXYtwFhoGYAAAAAAAAAAAAAAAAAAAAK9TsaBABjLzUnor8gPcGj\\eLDvVo+ohFY6Q965PO35oBxmkljjSZs2fLIzL2lrprRd\\mAy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\\fSVV+rQdVSxK65AjqOaX2ARQgXYtwFhoGYAAAAAAAAAAAAAAAAAAAAK9TsaBABjLzUnor8gPcGj\\AH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AAAAAAAAAAAAAV6nY0CADGXmpPRX5Ae4NH+8WHerR9RCKvgAAAAAAAAAAAAAAAAAAAAAAAAAAAAAAAAAAAAAAAAAAAAAAAAAAAAAAAAAAAAAAAAAAAAAAAAAAAAAAAAAAA8scP30lVfq0HVUsSuuQI6jml9gEUIF2LcBYaBmAAAAAAAAAAAAAAAAAAAACvU7GgQAYy81J6K\\ID3Bo\\3iw71aPqIRV8AAAAAAAAAAAAAAAAAAAAAAAAAAAAAAAAAAAAAAAAAAAAAAAAAAAAAAAAAAAAAAAAAAAAAAAAAAAAAAAAAAAHljh++kqr9Wg6qliV1yBHUc0vsAihAuxbgLDQMwAAAAAAAP\\9k=" \* MERGEFORMATINET </w:instrText>
      </w:r>
      <w:r>
        <w:rPr>
          <w:rFonts w:ascii="宋体" w:hAnsi="宋体" w:eastAsia="宋体" w:cs="宋体"/>
          <w:b/>
          <w:kern w:val="0"/>
          <w:sz w:val="36"/>
          <w:szCs w:val="36"/>
          <w:lang w:val="en-US" w:eastAsia="zh-CN" w:bidi="ar"/>
        </w:rPr>
        <w:fldChar w:fldCharType="separate"/>
      </w:r>
      <w:r>
        <w:rPr>
          <w:rFonts w:ascii="宋体" w:hAnsi="宋体" w:eastAsia="宋体" w:cs="宋体"/>
          <w:b/>
          <w:kern w:val="0"/>
          <w:sz w:val="36"/>
          <w:szCs w:val="36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20" name="图片 38" descr="IMG_29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图片 38" descr="IMG_293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宋体" w:hAnsi="宋体" w:eastAsia="宋体" w:cs="宋体"/>
          <w:b/>
          <w:kern w:val="0"/>
          <w:sz w:val="36"/>
          <w:szCs w:val="36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jc w:val="left"/>
      </w:pPr>
    </w:p>
    <w:p>
      <w:pPr>
        <w:keepNext w:val="0"/>
        <w:keepLines w:val="0"/>
        <w:widowControl/>
        <w:suppressLineNumbers w:val="0"/>
        <w:jc w:val="left"/>
      </w:pPr>
    </w:p>
    <w:p/>
    <w:sectPr>
      <w:pgSz w:w="11906" w:h="16838"/>
      <w:pgMar w:top="1440" w:right="1800" w:bottom="1440" w:left="1800" w:header="851" w:footer="992" w:gutter="0"/>
      <w:cols w:space="425" w:num="1"/>
      <w:docGrid w:type="lines" w:linePitch="312" w:charSpace="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7A87" w:usb1="80000000" w:usb2="00000008" w:usb3="00000000" w:csb0="000001FF" w:csb1="00000000"/>
  </w:font>
  <w:font w:name="宋体">
    <w:panose1 w:val="02010600030101010101"/>
    <w:charset w:val="86"/>
    <w:family w:val="auto"/>
    <w:pitch w:val="default"/>
    <w:sig w:usb0="00000003" w:usb1="288F0000" w:usb2="00000006" w:usb3="00000000" w:csb0="00040001" w:csb1="00000000"/>
  </w:font>
  <w:font w:name="Wingdings">
    <w:panose1 w:val="05000000000000000000"/>
    <w:charset w:val="02"/>
    <w:family w:val="auto"/>
    <w:pitch w:val="default"/>
    <w:sig w:usb0="00000000" w:usb1="00000000" w:usb2="00000000" w:usb3="00000000" w:csb0="80000000" w:csb1="00000000"/>
  </w:font>
  <w:font w:name="Arial">
    <w:panose1 w:val="020B0604020202020204"/>
    <w:charset w:val="01"/>
    <w:family w:val="swiss"/>
    <w:pitch w:val="default"/>
    <w:sig w:usb0="E0002EFF" w:usb1="C0007843" w:usb2="00000009" w:usb3="00000000" w:csb0="400001FF" w:csb1="FFFF0000"/>
  </w:font>
  <w:font w:name="黑体">
    <w:panose1 w:val="02010609060101010101"/>
    <w:charset w:val="86"/>
    <w:family w:val="auto"/>
    <w:pitch w:val="default"/>
    <w:sig w:usb0="800002BF" w:usb1="38CF7CFA" w:usb2="00000016" w:usb3="00000000" w:csb0="00040001" w:csb1="00000000"/>
  </w:font>
  <w:font w:name="Courier New">
    <w:panose1 w:val="02070309020205020404"/>
    <w:charset w:val="01"/>
    <w:family w:val="modern"/>
    <w:pitch w:val="default"/>
    <w:sig w:usb0="E0002EFF" w:usb1="C0007843" w:usb2="00000009" w:usb3="00000000" w:csb0="400001FF" w:csb1="FFFF0000"/>
  </w:font>
  <w:font w:name="Symbol">
    <w:panose1 w:val="05050102010706020507"/>
    <w:charset w:val="02"/>
    <w:family w:val="roman"/>
    <w:pitch w:val="default"/>
    <w:sig w:usb0="00000000" w:usb1="00000000" w:usb2="00000000" w:usb3="00000000" w:csb0="80000000" w:csb1="00000000"/>
  </w:font>
  <w:font w:name="Cambria">
    <w:panose1 w:val="02040503050406030204"/>
    <w:charset w:val="00"/>
    <w:family w:val="roman"/>
    <w:pitch w:val="default"/>
    <w:sig w:usb0="E00006FF" w:usb1="400004FF" w:usb2="00000000" w:usb3="00000000" w:csb0="2000019F" w:csb1="00000000"/>
  </w:font>
  <w:font w:name="Calibri">
    <w:panose1 w:val="020F0502020204030204"/>
    <w:charset w:val="00"/>
    <w:family w:val="swiss"/>
    <w:pitch w:val="default"/>
    <w:sig w:usb0="E0002AFF" w:usb1="C000247B" w:usb2="00000009" w:usb3="00000000" w:csb0="2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oNotDisplayPageBoundaries w:val="1"/>
  <w:embedSystemFonts/>
  <w:bordersDoNotSurroundHeader w:val="0"/>
  <w:bordersDoNotSurroundFooter w:val="0"/>
  <w:documentProtection w:enforcement="0"/>
  <w:defaultTabStop w:val="420"/>
  <w:drawingGridVerticalSpacing w:val="156"/>
  <w:displayHorizontalDrawingGridEvery w:val="1"/>
  <w:displayVerticalDrawingGridEvery w:val="1"/>
  <w:noPunctuationKerning w:val="1"/>
  <w:characterSpacingControl w:val="compressPunctuation"/>
  <w:compat>
    <w:spaceForUL/>
    <w:balanceSingleByteDoubleByteWidth/>
    <w:doNotLeaveBackslashAlone/>
    <w:doNotExpandShiftReturn/>
    <w:adjustLineHeightInTable/>
    <w:doNotWrapTextWithPunct/>
    <w:doNotUseEastAsianBreakRules/>
    <w:useFELayout/>
    <w:doNotUseIndentAsNumberingTabStop/>
    <w:useAltKinsokuLineBreakRules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393F5FA2"/>
    <w:rsid w:val="393F5FA2"/>
  </w:rsids>
  <m:mathPr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="http://schemas.openxmlformats.org/wordprocessingml/2006/main" xmlns:w14="http://schemas.microsoft.com/office/word/2010/wordml" xmlns:w10="urn:schemas-microsoft-com:office:word" xmlns:sl="http://schemas.openxmlformats.org/schemaLibrary/2006/main" mc:Ignorable="w14">
  <w:docDefaults>
    <w:rPrDefault>
      <w:rPr>
        <w:rFonts w:ascii="Times New Roman" w:hAnsi="Times New Roman" w:eastAsia="宋体" w:cs="Times New Roman"/>
      </w:rPr>
    </w:rPrDefault>
  </w:docDefaults>
  <w:latentStyles w:count="260" w:defQFormat="0" w:defUnhideWhenUsed="1" w:defSemiHidden="1" w:defUIPriority="99" w:defLockedState="0">
    <w:lsdException w:qFormat="1" w:unhideWhenUsed="0" w:uiPriority="0" w:semiHidden="0" w:name="Normal"/>
    <w:lsdException w:qFormat="1" w:unhideWhenUsed="0" w:uiPriority="0" w:semiHidden="0" w:name="heading 1"/>
    <w:lsdException w:qFormat="1" w:uiPriority="0" w:name="heading 2"/>
    <w:lsdException w:qFormat="1" w:uiPriority="0" w:name="heading 3"/>
    <w:lsdException w:qFormat="1" w:uiPriority="0" w:name="heading 4"/>
    <w:lsdException w:qFormat="1" w:uiPriority="0" w:name="heading 5"/>
    <w:lsdException w:qFormat="1" w:uiPriority="0" w:name="heading 6"/>
    <w:lsdException w:qFormat="1" w:uiPriority="0" w:name="heading 7"/>
    <w:lsdException w:qFormat="1" w:uiPriority="0" w:name="heading 8"/>
    <w:lsdException w:qFormat="1" w:uiPriority="0" w:name="heading 9"/>
    <w:lsdException w:unhideWhenUsed="0" w:uiPriority="0" w:semiHidden="0" w:name="index 1"/>
    <w:lsdException w:unhideWhenUsed="0" w:uiPriority="0" w:semiHidden="0" w:name="index 2"/>
    <w:lsdException w:unhideWhenUsed="0" w:uiPriority="0" w:semiHidden="0" w:name="index 3"/>
    <w:lsdException w:unhideWhenUsed="0" w:uiPriority="0" w:semiHidden="0" w:name="index 4"/>
    <w:lsdException w:unhideWhenUsed="0" w:uiPriority="0" w:semiHidden="0" w:name="index 5"/>
    <w:lsdException w:unhideWhenUsed="0" w:uiPriority="0" w:semiHidden="0" w:name="index 6"/>
    <w:lsdException w:unhideWhenUsed="0" w:uiPriority="0" w:semiHidden="0" w:name="index 7"/>
    <w:lsdException w:unhideWhenUsed="0" w:uiPriority="0" w:semiHidden="0" w:name="index 8"/>
    <w:lsdException w:unhideWhenUsed="0" w:uiPriority="0" w:semiHidden="0" w:name="index 9"/>
    <w:lsdException w:unhideWhenUsed="0" w:uiPriority="0" w:semiHidden="0" w:name="toc 1"/>
    <w:lsdException w:unhideWhenUsed="0" w:uiPriority="0" w:semiHidden="0" w:name="toc 2"/>
    <w:lsdException w:unhideWhenUsed="0" w:uiPriority="0" w:semiHidden="0" w:name="toc 3"/>
    <w:lsdException w:unhideWhenUsed="0" w:uiPriority="0" w:semiHidden="0" w:name="toc 4"/>
    <w:lsdException w:unhideWhenUsed="0" w:uiPriority="0" w:semiHidden="0" w:name="toc 5"/>
    <w:lsdException w:unhideWhenUsed="0" w:uiPriority="0" w:semiHidden="0" w:name="toc 6"/>
    <w:lsdException w:unhideWhenUsed="0" w:uiPriority="0" w:semiHidden="0" w:name="toc 7"/>
    <w:lsdException w:unhideWhenUsed="0" w:uiPriority="0" w:semiHidden="0" w:name="toc 8"/>
    <w:lsdException w:unhideWhenUsed="0" w:uiPriority="0" w:semiHidden="0" w:name="toc 9"/>
    <w:lsdException w:unhideWhenUsed="0" w:uiPriority="0" w:semiHidden="0" w:name="Normal Indent"/>
    <w:lsdException w:unhideWhenUsed="0" w:uiPriority="0" w:semiHidden="0" w:name="footnote text"/>
    <w:lsdException w:unhideWhenUsed="0" w:uiPriority="0" w:semiHidden="0" w:name="annotation text"/>
    <w:lsdException w:unhideWhenUsed="0" w:uiPriority="0" w:semiHidden="0" w:name="header"/>
    <w:lsdException w:unhideWhenUsed="0" w:uiPriority="0" w:semiHidden="0" w:name="footer"/>
    <w:lsdException w:unhideWhenUsed="0" w:uiPriority="0" w:semiHidden="0" w:name="index heading"/>
    <w:lsdException w:qFormat="1" w:uiPriority="0" w:name="caption"/>
    <w:lsdException w:unhideWhenUsed="0" w:uiPriority="0" w:semiHidden="0" w:name="table of figures"/>
    <w:lsdException w:unhideWhenUsed="0" w:uiPriority="0" w:semiHidden="0" w:name="envelope address"/>
    <w:lsdException w:unhideWhenUsed="0" w:uiPriority="0" w:semiHidden="0" w:name="envelope return"/>
    <w:lsdException w:unhideWhenUsed="0" w:uiPriority="0" w:semiHidden="0" w:name="footnote reference"/>
    <w:lsdException w:unhideWhenUsed="0" w:uiPriority="0" w:semiHidden="0" w:name="annotation reference"/>
    <w:lsdException w:unhideWhenUsed="0" w:uiPriority="0" w:semiHidden="0" w:name="line number"/>
    <w:lsdException w:unhideWhenUsed="0" w:uiPriority="0" w:semiHidden="0" w:name="page number"/>
    <w:lsdException w:unhideWhenUsed="0" w:uiPriority="0" w:semiHidden="0" w:name="endnote reference"/>
    <w:lsdException w:unhideWhenUsed="0" w:uiPriority="0" w:semiHidden="0" w:name="endnote text"/>
    <w:lsdException w:unhideWhenUsed="0" w:uiPriority="0" w:semiHidden="0" w:name="table of authorities"/>
    <w:lsdException w:unhideWhenUsed="0" w:uiPriority="0" w:semiHidden="0" w:name="macro"/>
    <w:lsdException w:unhideWhenUsed="0" w:uiPriority="0" w:semiHidden="0" w:name="toa heading"/>
    <w:lsdException w:unhideWhenUsed="0" w:uiPriority="0" w:semiHidden="0" w:name="List"/>
    <w:lsdException w:unhideWhenUsed="0" w:uiPriority="0" w:semiHidden="0" w:name="List Bullet"/>
    <w:lsdException w:unhideWhenUsed="0" w:uiPriority="0" w:semiHidden="0" w:name="List Number"/>
    <w:lsdException w:unhideWhenUsed="0" w:uiPriority="0" w:semiHidden="0" w:name="List 2"/>
    <w:lsdException w:unhideWhenUsed="0" w:uiPriority="0" w:semiHidden="0" w:name="List 3"/>
    <w:lsdException w:unhideWhenUsed="0" w:uiPriority="0" w:semiHidden="0" w:name="List 4"/>
    <w:lsdException w:unhideWhenUsed="0" w:uiPriority="0" w:semiHidden="0" w:name="List 5"/>
    <w:lsdException w:unhideWhenUsed="0" w:uiPriority="0" w:semiHidden="0" w:name="List Bullet 2"/>
    <w:lsdException w:unhideWhenUsed="0" w:uiPriority="0" w:semiHidden="0" w:name="List Bullet 3"/>
    <w:lsdException w:unhideWhenUsed="0" w:uiPriority="0" w:semiHidden="0" w:name="List Bullet 4"/>
    <w:lsdException w:unhideWhenUsed="0" w:uiPriority="0" w:semiHidden="0" w:name="List Bullet 5"/>
    <w:lsdException w:unhideWhenUsed="0" w:uiPriority="0" w:semiHidden="0" w:name="List Number 2"/>
    <w:lsdException w:unhideWhenUsed="0" w:uiPriority="0" w:semiHidden="0" w:name="List Number 3"/>
    <w:lsdException w:unhideWhenUsed="0" w:uiPriority="0" w:semiHidden="0" w:name="List Number 4"/>
    <w:lsdException w:unhideWhenUsed="0" w:uiPriority="0" w:semiHidden="0" w:name="List Number 5"/>
    <w:lsdException w:qFormat="1" w:unhideWhenUsed="0" w:uiPriority="0" w:semiHidden="0" w:name="Title"/>
    <w:lsdException w:unhideWhenUsed="0" w:uiPriority="0" w:semiHidden="0" w:name="Closing"/>
    <w:lsdException w:unhideWhenUsed="0" w:uiPriority="0" w:semiHidden="0" w:name="Signature"/>
    <w:lsdException w:unhideWhenUsed="0" w:uiPriority="0" w:name="Default Paragraph Font"/>
    <w:lsdException w:unhideWhenUsed="0" w:uiPriority="0" w:semiHidden="0" w:name="Body Text"/>
    <w:lsdException w:unhideWhenUsed="0" w:uiPriority="0" w:semiHidden="0" w:name="Body Text Indent"/>
    <w:lsdException w:unhideWhenUsed="0" w:uiPriority="0" w:semiHidden="0" w:name="List Continue"/>
    <w:lsdException w:unhideWhenUsed="0" w:uiPriority="0" w:semiHidden="0" w:name="List Continue 2"/>
    <w:lsdException w:unhideWhenUsed="0" w:uiPriority="0" w:semiHidden="0" w:name="List Continue 3"/>
    <w:lsdException w:unhideWhenUsed="0" w:uiPriority="0" w:semiHidden="0" w:name="List Continue 4"/>
    <w:lsdException w:unhideWhenUsed="0" w:uiPriority="0" w:semiHidden="0" w:name="List Continue 5"/>
    <w:lsdException w:unhideWhenUsed="0" w:uiPriority="0" w:semiHidden="0" w:name="Message Header"/>
    <w:lsdException w:qFormat="1" w:unhideWhenUsed="0" w:uiPriority="0" w:semiHidden="0" w:name="Subtitle"/>
    <w:lsdException w:unhideWhenUsed="0" w:uiPriority="0" w:semiHidden="0" w:name="Salutation"/>
    <w:lsdException w:unhideWhenUsed="0" w:uiPriority="0" w:semiHidden="0" w:name="Date"/>
    <w:lsdException w:unhideWhenUsed="0" w:uiPriority="0" w:semiHidden="0" w:name="Body Text First Indent"/>
    <w:lsdException w:unhideWhenUsed="0" w:uiPriority="0" w:semiHidden="0" w:name="Body Text First Indent 2"/>
    <w:lsdException w:unhideWhenUsed="0" w:uiPriority="0" w:semiHidden="0" w:name="Note Heading"/>
    <w:lsdException w:unhideWhenUsed="0" w:uiPriority="0" w:semiHidden="0" w:name="Body Text 2"/>
    <w:lsdException w:unhideWhenUsed="0" w:uiPriority="0" w:semiHidden="0" w:name="Body Text 3"/>
    <w:lsdException w:unhideWhenUsed="0" w:uiPriority="0" w:semiHidden="0" w:name="Body Text Indent 2"/>
    <w:lsdException w:unhideWhenUsed="0" w:uiPriority="0" w:semiHidden="0" w:name="Body Text Indent 3"/>
    <w:lsdException w:unhideWhenUsed="0" w:uiPriority="0" w:semiHidden="0" w:name="Block Text"/>
    <w:lsdException w:unhideWhenUsed="0" w:uiPriority="0" w:semiHidden="0" w:name="Hyperlink"/>
    <w:lsdException w:unhideWhenUsed="0" w:uiPriority="0" w:semiHidden="0" w:name="FollowedHyperlink"/>
    <w:lsdException w:qFormat="1" w:unhideWhenUsed="0" w:uiPriority="0" w:semiHidden="0" w:name="Strong"/>
    <w:lsdException w:qFormat="1" w:unhideWhenUsed="0" w:uiPriority="0" w:semiHidden="0" w:name="Emphasis"/>
    <w:lsdException w:unhideWhenUsed="0" w:uiPriority="0" w:semiHidden="0" w:name="Document Map"/>
    <w:lsdException w:unhideWhenUsed="0" w:uiPriority="0" w:semiHidden="0" w:name="Plain Text"/>
    <w:lsdException w:unhideWhenUsed="0" w:uiPriority="0" w:semiHidden="0" w:name="E-mail Signature"/>
    <w:lsdException w:unhideWhenUsed="0" w:uiPriority="0" w:semiHidden="0" w:name="Normal (Web)"/>
    <w:lsdException w:unhideWhenUsed="0" w:uiPriority="0" w:semiHidden="0" w:name="HTML Acronym"/>
    <w:lsdException w:unhideWhenUsed="0" w:uiPriority="0" w:semiHidden="0" w:name="HTML Address"/>
    <w:lsdException w:unhideWhenUsed="0" w:uiPriority="0" w:semiHidden="0" w:name="HTML Cite"/>
    <w:lsdException w:unhideWhenUsed="0" w:uiPriority="0" w:semiHidden="0" w:name="HTML Code"/>
    <w:lsdException w:unhideWhenUsed="0" w:uiPriority="0" w:semiHidden="0" w:name="HTML Definition"/>
    <w:lsdException w:unhideWhenUsed="0" w:uiPriority="0" w:semiHidden="0" w:name="HTML Keyboard"/>
    <w:lsdException w:unhideWhenUsed="0" w:uiPriority="0" w:semiHidden="0" w:name="HTML Preformatted"/>
    <w:lsdException w:unhideWhenUsed="0" w:uiPriority="0" w:semiHidden="0" w:name="HTML Sample"/>
    <w:lsdException w:unhideWhenUsed="0" w:uiPriority="0" w:semiHidden="0" w:name="HTML Typewriter"/>
    <w:lsdException w:unhideWhenUsed="0" w:uiPriority="0" w:semiHidden="0" w:name="HTML Variable"/>
    <w:lsdException w:unhideWhenUsed="0" w:uiPriority="0" w:name="Normal Table"/>
    <w:lsdException w:unhideWhenUsed="0" w:uiPriority="0" w:semiHidden="0" w:name="annotation subject"/>
    <w:lsdException w:unhideWhenUsed="0" w:uiPriority="0" w:semiHidden="0" w:name="Table Simple 1"/>
    <w:lsdException w:unhideWhenUsed="0" w:uiPriority="0" w:semiHidden="0" w:name="Table Simple 2"/>
    <w:lsdException w:unhideWhenUsed="0" w:uiPriority="0" w:semiHidden="0" w:name="Table Simple 3"/>
    <w:lsdException w:unhideWhenUsed="0" w:uiPriority="0" w:semiHidden="0" w:name="Table Classic 1"/>
    <w:lsdException w:unhideWhenUsed="0" w:uiPriority="0" w:semiHidden="0" w:name="Table Classic 2"/>
    <w:lsdException w:unhideWhenUsed="0" w:uiPriority="0" w:semiHidden="0" w:name="Table Classic 3"/>
    <w:lsdException w:unhideWhenUsed="0" w:uiPriority="0" w:semiHidden="0" w:name="Table Classic 4"/>
    <w:lsdException w:unhideWhenUsed="0" w:uiPriority="0" w:semiHidden="0" w:name="Table Colorful 1"/>
    <w:lsdException w:unhideWhenUsed="0" w:uiPriority="0" w:semiHidden="0" w:name="Table Colorful 2"/>
    <w:lsdException w:unhideWhenUsed="0" w:uiPriority="0" w:semiHidden="0" w:name="Table Colorful 3"/>
    <w:lsdException w:unhideWhenUsed="0" w:uiPriority="0" w:semiHidden="0" w:name="Table Columns 1"/>
    <w:lsdException w:unhideWhenUsed="0" w:uiPriority="0" w:semiHidden="0" w:name="Table Columns 2"/>
    <w:lsdException w:unhideWhenUsed="0" w:uiPriority="0" w:semiHidden="0" w:name="Table Columns 3"/>
    <w:lsdException w:unhideWhenUsed="0" w:uiPriority="0" w:semiHidden="0" w:name="Table Columns 4"/>
    <w:lsdException w:unhideWhenUsed="0" w:uiPriority="0" w:semiHidden="0" w:name="Table Columns 5"/>
    <w:lsdException w:unhideWhenUsed="0" w:uiPriority="0" w:semiHidden="0" w:name="Table Grid 1"/>
    <w:lsdException w:unhideWhenUsed="0" w:uiPriority="0" w:semiHidden="0" w:name="Table Grid 2"/>
    <w:lsdException w:unhideWhenUsed="0" w:uiPriority="0" w:semiHidden="0" w:name="Table Grid 3"/>
    <w:lsdException w:unhideWhenUsed="0" w:uiPriority="0" w:semiHidden="0" w:name="Table Grid 4"/>
    <w:lsdException w:unhideWhenUsed="0" w:uiPriority="0" w:semiHidden="0" w:name="Table Grid 5"/>
    <w:lsdException w:unhideWhenUsed="0" w:uiPriority="0" w:semiHidden="0" w:name="Table Grid 6"/>
    <w:lsdException w:unhideWhenUsed="0" w:uiPriority="0" w:semiHidden="0" w:name="Table Grid 7"/>
    <w:lsdException w:unhideWhenUsed="0" w:uiPriority="0" w:semiHidden="0" w:name="Table Grid 8"/>
    <w:lsdException w:unhideWhenUsed="0" w:uiPriority="0" w:semiHidden="0" w:name="Table List 1"/>
    <w:lsdException w:unhideWhenUsed="0" w:uiPriority="0" w:semiHidden="0" w:name="Table List 2"/>
    <w:lsdException w:unhideWhenUsed="0" w:uiPriority="0" w:semiHidden="0" w:name="Table List 3"/>
    <w:lsdException w:unhideWhenUsed="0" w:uiPriority="0" w:semiHidden="0" w:name="Table List 4"/>
    <w:lsdException w:unhideWhenUsed="0" w:uiPriority="0" w:semiHidden="0" w:name="Table List 5"/>
    <w:lsdException w:unhideWhenUsed="0" w:uiPriority="0" w:semiHidden="0" w:name="Table List 6"/>
    <w:lsdException w:unhideWhenUsed="0" w:uiPriority="0" w:semiHidden="0" w:name="Table List 7"/>
    <w:lsdException w:unhideWhenUsed="0" w:uiPriority="0" w:semiHidden="0" w:name="Table List 8"/>
    <w:lsdException w:unhideWhenUsed="0" w:uiPriority="0" w:semiHidden="0" w:name="Table 3D effects 1"/>
    <w:lsdException w:unhideWhenUsed="0" w:uiPriority="0" w:semiHidden="0" w:name="Table 3D effects 2"/>
    <w:lsdException w:unhideWhenUsed="0" w:uiPriority="0" w:semiHidden="0" w:name="Table 3D effects 3"/>
    <w:lsdException w:unhideWhenUsed="0" w:uiPriority="0" w:semiHidden="0" w:name="Table Contemporary"/>
    <w:lsdException w:unhideWhenUsed="0" w:uiPriority="0" w:semiHidden="0" w:name="Table Elegant"/>
    <w:lsdException w:unhideWhenUsed="0" w:uiPriority="0" w:semiHidden="0" w:name="Table Professional"/>
    <w:lsdException w:unhideWhenUsed="0" w:uiPriority="0" w:semiHidden="0" w:name="Table Subtle 1"/>
    <w:lsdException w:unhideWhenUsed="0" w:uiPriority="0" w:semiHidden="0" w:name="Table Subtle 2"/>
    <w:lsdException w:unhideWhenUsed="0" w:uiPriority="0" w:semiHidden="0" w:name="Table Web 1"/>
    <w:lsdException w:unhideWhenUsed="0" w:uiPriority="0" w:semiHidden="0" w:name="Table Web 2"/>
    <w:lsdException w:unhideWhenUsed="0" w:uiPriority="0" w:semiHidden="0" w:name="Table Web 3"/>
    <w:lsdException w:unhideWhenUsed="0" w:uiPriority="0" w:semiHidden="0" w:name="Balloon Text"/>
    <w:lsdException w:unhideWhenUsed="0" w:uiPriority="0" w:semiHidden="0" w:name="Table Grid"/>
    <w:lsdException w:unhideWhenUsed="0" w:uiPriority="0" w:semiHidden="0" w:name="Table Theme"/>
    <w:lsdException w:unhideWhenUsed="0" w:uiPriority="60" w:semiHidden="0" w:name="Light Shading"/>
    <w:lsdException w:unhideWhenUsed="0" w:uiPriority="61" w:semiHidden="0" w:name="Light List"/>
    <w:lsdException w:unhideWhenUsed="0" w:uiPriority="62" w:semiHidden="0" w:name="Light Grid"/>
    <w:lsdException w:unhideWhenUsed="0" w:uiPriority="63" w:semiHidden="0" w:name="Medium Shading 1"/>
    <w:lsdException w:unhideWhenUsed="0" w:uiPriority="64" w:semiHidden="0" w:name="Medium Shading 2"/>
    <w:lsdException w:unhideWhenUsed="0" w:uiPriority="65" w:semiHidden="0" w:name="Medium List 1"/>
    <w:lsdException w:unhideWhenUsed="0" w:uiPriority="66" w:semiHidden="0" w:name="Medium List 2"/>
    <w:lsdException w:unhideWhenUsed="0" w:uiPriority="67" w:semiHidden="0" w:name="Medium Grid 1"/>
    <w:lsdException w:unhideWhenUsed="0" w:uiPriority="68" w:semiHidden="0" w:name="Medium Grid 2"/>
    <w:lsdException w:unhideWhenUsed="0" w:uiPriority="69" w:semiHidden="0" w:name="Medium Grid 3"/>
    <w:lsdException w:unhideWhenUsed="0" w:uiPriority="70" w:semiHidden="0" w:name="Dark List"/>
    <w:lsdException w:unhideWhenUsed="0" w:uiPriority="71" w:semiHidden="0" w:name="Colorful Shading"/>
    <w:lsdException w:unhideWhenUsed="0" w:uiPriority="72" w:semiHidden="0" w:name="Colorful List"/>
    <w:lsdException w:unhideWhenUsed="0" w:uiPriority="73" w:semiHidden="0" w:name="Colorful Grid"/>
    <w:lsdException w:unhideWhenUsed="0" w:uiPriority="60" w:semiHidden="0" w:name="Light Shading Accent 1"/>
    <w:lsdException w:unhideWhenUsed="0" w:uiPriority="61" w:semiHidden="0" w:name="Light List Accent 1"/>
    <w:lsdException w:unhideWhenUsed="0" w:uiPriority="62" w:semiHidden="0" w:name="Light Grid Accent 1"/>
    <w:lsdException w:unhideWhenUsed="0" w:uiPriority="63" w:semiHidden="0" w:name="Medium Shading 1 Accent 1"/>
    <w:lsdException w:unhideWhenUsed="0" w:uiPriority="64" w:semiHidden="0" w:name="Medium Shading 2 Accent 1"/>
    <w:lsdException w:unhideWhenUsed="0" w:uiPriority="65" w:semiHidden="0" w:name="Medium List 1 Accent 1"/>
    <w:lsdException w:unhideWhenUsed="0" w:uiPriority="66" w:semiHidden="0" w:name="Medium List 2 Accent 1"/>
    <w:lsdException w:unhideWhenUsed="0" w:uiPriority="67" w:semiHidden="0" w:name="Medium Grid 1 Accent 1"/>
    <w:lsdException w:unhideWhenUsed="0" w:uiPriority="68" w:semiHidden="0" w:name="Medium Grid 2 Accent 1"/>
    <w:lsdException w:unhideWhenUsed="0" w:uiPriority="69" w:semiHidden="0" w:name="Medium Grid 3 Accent 1"/>
    <w:lsdException w:unhideWhenUsed="0" w:uiPriority="70" w:semiHidden="0" w:name="Dark List Accent 1"/>
    <w:lsdException w:unhideWhenUsed="0" w:uiPriority="71" w:semiHidden="0" w:name="Colorful Shading Accent 1"/>
    <w:lsdException w:unhideWhenUsed="0" w:uiPriority="72" w:semiHidden="0" w:name="Colorful List Accent 1"/>
    <w:lsdException w:unhideWhenUsed="0" w:uiPriority="73" w:semiHidden="0" w:name="Colorful Grid Accent 1"/>
    <w:lsdException w:unhideWhenUsed="0" w:uiPriority="60" w:semiHidden="0" w:name="Light Shading Accent 2"/>
    <w:lsdException w:unhideWhenUsed="0" w:uiPriority="61" w:semiHidden="0" w:name="Light List Accent 2"/>
    <w:lsdException w:unhideWhenUsed="0" w:uiPriority="62" w:semiHidden="0" w:name="Light Grid Accent 2"/>
    <w:lsdException w:unhideWhenUsed="0" w:uiPriority="63" w:semiHidden="0" w:name="Medium Shading 1 Accent 2"/>
    <w:lsdException w:unhideWhenUsed="0" w:uiPriority="64" w:semiHidden="0" w:name="Medium Shading 2 Accent 2"/>
    <w:lsdException w:unhideWhenUsed="0" w:uiPriority="65" w:semiHidden="0" w:name="Medium List 1 Accent 2"/>
    <w:lsdException w:unhideWhenUsed="0" w:uiPriority="66" w:semiHidden="0" w:name="Medium List 2 Accent 2"/>
    <w:lsdException w:unhideWhenUsed="0" w:uiPriority="67" w:semiHidden="0" w:name="Medium Grid 1 Accent 2"/>
    <w:lsdException w:unhideWhenUsed="0" w:uiPriority="68" w:semiHidden="0" w:name="Medium Grid 2 Accent 2"/>
    <w:lsdException w:unhideWhenUsed="0" w:uiPriority="69" w:semiHidden="0" w:name="Medium Grid 3 Accent 2"/>
    <w:lsdException w:unhideWhenUsed="0" w:uiPriority="70" w:semiHidden="0" w:name="Dark List Accent 2"/>
    <w:lsdException w:unhideWhenUsed="0" w:uiPriority="71" w:semiHidden="0" w:name="Colorful Shading Accent 2"/>
    <w:lsdException w:unhideWhenUsed="0" w:uiPriority="72" w:semiHidden="0" w:name="Colorful List Accent 2"/>
    <w:lsdException w:unhideWhenUsed="0" w:uiPriority="73" w:semiHidden="0" w:name="Colorful Grid Accent 2"/>
    <w:lsdException w:unhideWhenUsed="0" w:uiPriority="60" w:semiHidden="0" w:name="Light Shading Accent 3"/>
    <w:lsdException w:unhideWhenUsed="0" w:uiPriority="61" w:semiHidden="0" w:name="Light List Accent 3"/>
    <w:lsdException w:unhideWhenUsed="0" w:uiPriority="62" w:semiHidden="0" w:name="Light Grid Accent 3"/>
    <w:lsdException w:unhideWhenUsed="0" w:uiPriority="63" w:semiHidden="0" w:name="Medium Shading 1 Accent 3"/>
    <w:lsdException w:unhideWhenUsed="0" w:uiPriority="64" w:semiHidden="0" w:name="Medium Shading 2 Accent 3"/>
    <w:lsdException w:unhideWhenUsed="0" w:uiPriority="65" w:semiHidden="0" w:name="Medium List 1 Accent 3"/>
    <w:lsdException w:unhideWhenUsed="0" w:uiPriority="66" w:semiHidden="0" w:name="Medium List 2 Accent 3"/>
    <w:lsdException w:unhideWhenUsed="0" w:uiPriority="67" w:semiHidden="0" w:name="Medium Grid 1 Accent 3"/>
    <w:lsdException w:unhideWhenUsed="0" w:uiPriority="68" w:semiHidden="0" w:name="Medium Grid 2 Accent 3"/>
    <w:lsdException w:unhideWhenUsed="0" w:uiPriority="69" w:semiHidden="0" w:name="Medium Grid 3 Accent 3"/>
    <w:lsdException w:unhideWhenUsed="0" w:uiPriority="70" w:semiHidden="0" w:name="Dark List Accent 3"/>
    <w:lsdException w:unhideWhenUsed="0" w:uiPriority="71" w:semiHidden="0" w:name="Colorful Shading Accent 3"/>
    <w:lsdException w:unhideWhenUsed="0" w:uiPriority="72" w:semiHidden="0" w:name="Colorful List Accent 3"/>
    <w:lsdException w:unhideWhenUsed="0" w:uiPriority="73" w:semiHidden="0" w:name="Colorful Grid Accent 3"/>
    <w:lsdException w:unhideWhenUsed="0" w:uiPriority="60" w:semiHidden="0" w:name="Light Shading Accent 4"/>
    <w:lsdException w:unhideWhenUsed="0" w:uiPriority="61" w:semiHidden="0" w:name="Light List Accent 4"/>
    <w:lsdException w:unhideWhenUsed="0" w:uiPriority="62" w:semiHidden="0" w:name="Light Grid Accent 4"/>
    <w:lsdException w:unhideWhenUsed="0" w:uiPriority="63" w:semiHidden="0" w:name="Medium Shading 1 Accent 4"/>
    <w:lsdException w:unhideWhenUsed="0" w:uiPriority="64" w:semiHidden="0" w:name="Medium Shading 2 Accent 4"/>
    <w:lsdException w:unhideWhenUsed="0" w:uiPriority="65" w:semiHidden="0" w:name="Medium List 1 Accent 4"/>
    <w:lsdException w:unhideWhenUsed="0" w:uiPriority="66" w:semiHidden="0" w:name="Medium List 2 Accent 4"/>
    <w:lsdException w:unhideWhenUsed="0" w:uiPriority="67" w:semiHidden="0" w:name="Medium Grid 1 Accent 4"/>
    <w:lsdException w:unhideWhenUsed="0" w:uiPriority="68" w:semiHidden="0" w:name="Medium Grid 2 Accent 4"/>
    <w:lsdException w:unhideWhenUsed="0" w:uiPriority="69" w:semiHidden="0" w:name="Medium Grid 3 Accent 4"/>
    <w:lsdException w:unhideWhenUsed="0" w:uiPriority="70" w:semiHidden="0" w:name="Dark List Accent 4"/>
    <w:lsdException w:unhideWhenUsed="0" w:uiPriority="71" w:semiHidden="0" w:name="Colorful Shading Accent 4"/>
    <w:lsdException w:unhideWhenUsed="0" w:uiPriority="72" w:semiHidden="0" w:name="Colorful List Accent 4"/>
    <w:lsdException w:unhideWhenUsed="0" w:uiPriority="73" w:semiHidden="0" w:name="Colorful Grid Accent 4"/>
    <w:lsdException w:unhideWhenUsed="0" w:uiPriority="60" w:semiHidden="0" w:name="Light Shading Accent 5"/>
    <w:lsdException w:unhideWhenUsed="0" w:uiPriority="61" w:semiHidden="0" w:name="Light List Accent 5"/>
    <w:lsdException w:unhideWhenUsed="0" w:uiPriority="62" w:semiHidden="0" w:name="Light Grid Accent 5"/>
    <w:lsdException w:unhideWhenUsed="0" w:uiPriority="63" w:semiHidden="0" w:name="Medium Shading 1 Accent 5"/>
    <w:lsdException w:unhideWhenUsed="0" w:uiPriority="64" w:semiHidden="0" w:name="Medium Shading 2 Accent 5"/>
    <w:lsdException w:unhideWhenUsed="0" w:uiPriority="65" w:semiHidden="0" w:name="Medium List 1 Accent 5"/>
    <w:lsdException w:unhideWhenUsed="0" w:uiPriority="66" w:semiHidden="0" w:name="Medium List 2 Accent 5"/>
    <w:lsdException w:unhideWhenUsed="0" w:uiPriority="67" w:semiHidden="0" w:name="Medium Grid 1 Accent 5"/>
    <w:lsdException w:unhideWhenUsed="0" w:uiPriority="68" w:semiHidden="0" w:name="Medium Grid 2 Accent 5"/>
    <w:lsdException w:unhideWhenUsed="0" w:uiPriority="69" w:semiHidden="0" w:name="Medium Grid 3 Accent 5"/>
    <w:lsdException w:unhideWhenUsed="0" w:uiPriority="70" w:semiHidden="0" w:name="Dark List Accent 5"/>
    <w:lsdException w:unhideWhenUsed="0" w:uiPriority="71" w:semiHidden="0" w:name="Colorful Shading Accent 5"/>
    <w:lsdException w:unhideWhenUsed="0" w:uiPriority="72" w:semiHidden="0" w:name="Colorful List Accent 5"/>
    <w:lsdException w:unhideWhenUsed="0" w:uiPriority="73" w:semiHidden="0" w:name="Colorful Grid Accent 5"/>
    <w:lsdException w:unhideWhenUsed="0" w:uiPriority="60" w:semiHidden="0" w:name="Light Shading Accent 6"/>
    <w:lsdException w:unhideWhenUsed="0" w:uiPriority="61" w:semiHidden="0" w:name="Light List Accent 6"/>
    <w:lsdException w:unhideWhenUsed="0" w:uiPriority="62" w:semiHidden="0" w:name="Light Grid Accent 6"/>
    <w:lsdException w:unhideWhenUsed="0" w:uiPriority="63" w:semiHidden="0" w:name="Medium Shading 1 Accent 6"/>
    <w:lsdException w:unhideWhenUsed="0" w:uiPriority="64" w:semiHidden="0" w:name="Medium Shading 2 Accent 6"/>
    <w:lsdException w:unhideWhenUsed="0" w:uiPriority="65" w:semiHidden="0" w:name="Medium List 1 Accent 6"/>
    <w:lsdException w:unhideWhenUsed="0" w:uiPriority="66" w:semiHidden="0" w:name="Medium List 2 Accent 6"/>
    <w:lsdException w:unhideWhenUsed="0" w:uiPriority="67" w:semiHidden="0" w:name="Medium Grid 1 Accent 6"/>
    <w:lsdException w:unhideWhenUsed="0" w:uiPriority="68" w:semiHidden="0" w:name="Medium Grid 2 Accent 6"/>
    <w:lsdException w:unhideWhenUsed="0" w:uiPriority="69" w:semiHidden="0" w:name="Medium Grid 3 Accent 6"/>
    <w:lsdException w:unhideWhenUsed="0" w:uiPriority="70" w:semiHidden="0" w:name="Dark List Accent 6"/>
    <w:lsdException w:unhideWhenUsed="0" w:uiPriority="71" w:semiHidden="0" w:name="Colorful Shading Accent 6"/>
    <w:lsdException w:unhideWhenUsed="0" w:uiPriority="72" w:semiHidden="0" w:name="Colorful List Accent 6"/>
    <w:lsdException w:unhideWhenUsed="0" w:uiPriority="73" w:semiHidden="0" w:name="Colorful Grid Accent 6"/>
  </w:latentStyles>
  <w:style w:type="paragraph" w:default="1" w:styleId="1">
    <w:name w:val="Normal"/>
    <w:qFormat/>
    <w:uiPriority w:val="0"/>
    <w:pPr>
      <w:widowControl w:val="0"/>
      <w:jc w:val="both"/>
    </w:pPr>
    <w:rPr>
      <w:rFonts w:asciiTheme="minorHAnsi" w:hAnsiTheme="minorHAnsi" w:eastAsiaTheme="minorEastAsia" w:cstheme="minorBidi"/>
      <w:kern w:val="2"/>
      <w:sz w:val="21"/>
      <w:szCs w:val="24"/>
      <w:lang w:val="en-US" w:eastAsia="zh-CN" w:bidi="ar-SA"/>
    </w:rPr>
  </w:style>
  <w:style w:type="character" w:default="1" w:styleId="2">
    <w:name w:val="Default Paragraph Font"/>
    <w:semiHidden/>
    <w:uiPriority w:val="0"/>
  </w:style>
  <w:style w:type="table" w:default="1" w:styleId="3">
    <w:name w:val="Normal Table"/>
    <w:semiHidden/>
    <w:uiPriority w:val="0"/>
    <w:tblPr>
      <w:tblLayout w:type="fixed"/>
      <w:tblCellMar>
        <w:top w:w="0" w:type="dxa"/>
        <w:left w:w="108" w:type="dxa"/>
        <w:bottom w:w="0" w:type="dxa"/>
        <w:right w:w="108" w:type="dxa"/>
      </w:tblCellMar>
    </w:tblPr>
  </w:style>
</w:styles>
</file>

<file path=word/_rels/document.xml.rels><?xml version="1.0" encoding="UTF-8" standalone="yes"?>
<Relationships xmlns="http://schemas.openxmlformats.org/package/2006/relationships"><Relationship Id="rId9" Type="http://schemas.openxmlformats.org/officeDocument/2006/relationships/image" Target="media/image6.png"/><Relationship Id="rId8" Type="http://schemas.openxmlformats.org/officeDocument/2006/relationships/image" Target="media/image5.jpeg"/><Relationship Id="rId7" Type="http://schemas.openxmlformats.org/officeDocument/2006/relationships/image" Target="media/image4.png"/><Relationship Id="rId6" Type="http://schemas.openxmlformats.org/officeDocument/2006/relationships/image" Target="media/image3.jpeg"/><Relationship Id="rId5" Type="http://schemas.openxmlformats.org/officeDocument/2006/relationships/image" Target="media/image2.png"/><Relationship Id="rId4" Type="http://schemas.openxmlformats.org/officeDocument/2006/relationships/image" Target="media/image1.png"/><Relationship Id="rId3" Type="http://schemas.openxmlformats.org/officeDocument/2006/relationships/theme" Target="theme/theme1.xml"/><Relationship Id="rId24" Type="http://schemas.openxmlformats.org/officeDocument/2006/relationships/fontTable" Target="fontTable.xml"/><Relationship Id="rId23" Type="http://schemas.openxmlformats.org/officeDocument/2006/relationships/customXml" Target="../customXml/item1.xml"/><Relationship Id="rId22" Type="http://schemas.openxmlformats.org/officeDocument/2006/relationships/image" Target="media/image19.png"/><Relationship Id="rId21" Type="http://schemas.openxmlformats.org/officeDocument/2006/relationships/image" Target="media/image18.png"/><Relationship Id="rId20" Type="http://schemas.openxmlformats.org/officeDocument/2006/relationships/image" Target="media/image17.png"/><Relationship Id="rId2" Type="http://schemas.openxmlformats.org/officeDocument/2006/relationships/settings" Target="settings.xml"/><Relationship Id="rId19" Type="http://schemas.openxmlformats.org/officeDocument/2006/relationships/image" Target="media/image16.png"/><Relationship Id="rId18" Type="http://schemas.openxmlformats.org/officeDocument/2006/relationships/image" Target="media/image15.png"/><Relationship Id="rId17" Type="http://schemas.openxmlformats.org/officeDocument/2006/relationships/image" Target="media/image14.png"/><Relationship Id="rId16" Type="http://schemas.openxmlformats.org/officeDocument/2006/relationships/image" Target="media/image13.png"/><Relationship Id="rId15" Type="http://schemas.openxmlformats.org/officeDocument/2006/relationships/image" Target="media/image12.jpeg"/><Relationship Id="rId14" Type="http://schemas.openxmlformats.org/officeDocument/2006/relationships/image" Target="media/image11.png"/><Relationship Id="rId13" Type="http://schemas.openxmlformats.org/officeDocument/2006/relationships/image" Target="media/image10.jpeg"/><Relationship Id="rId12" Type="http://schemas.openxmlformats.org/officeDocument/2006/relationships/image" Target="media/image9.jpeg"/><Relationship Id="rId11" Type="http://schemas.openxmlformats.org/officeDocument/2006/relationships/image" Target="media/image8.png"/><Relationship Id="rId10" Type="http://schemas.openxmlformats.org/officeDocument/2006/relationships/image" Target="media/image7.jpeg"/><Relationship Id="rId1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Pages>1</Pages>
  <Words>0</Words>
  <Characters>0</Characters>
  <Lines>0</Lines>
  <Paragraphs>0</Paragraphs>
  <ScaleCrop>false</ScaleCrop>
  <LinksUpToDate>false</LinksUpToDate>
  <CharactersWithSpaces>0</CharactersWithSpaces>
  <Application>WPS Office_10.1.0.6395_F1E327BC-269C-435d-A152-05C5408002CA</Application>
  <DocSecurity>0</DocSecurit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8-08-06T08:18:00Z</dcterms:created>
  <dc:creator>Think</dc:creator>
  <cp:lastModifiedBy>Think</cp:lastModifiedBy>
  <dcterms:modified xsi:type="dcterms:W3CDTF">2018-08-06T08:30:45Z</dcterms:modified>
  <cp:revision>1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6395</vt:lpwstr>
  </property>
</Properties>
</file>